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2_健康づくりＧ\95_福祉統計（R4からたばこ対策G所管）\R5\07_HP\05\"/>
    </mc:Choice>
  </mc:AlternateContent>
  <bookViews>
    <workbookView xWindow="0" yWindow="0" windowWidth="17988" windowHeight="7956"/>
  </bookViews>
  <sheets>
    <sheet name="5-10" sheetId="1" r:id="rId1"/>
  </sheets>
  <externalReferences>
    <externalReference r:id="rId2"/>
    <externalReference r:id="rId3"/>
    <externalReference r:id="rId4"/>
    <externalReference r:id="rId5"/>
  </externalReferences>
  <definedNames>
    <definedName name="_8" localSheetId="0">#REF!</definedName>
    <definedName name="_8">#REF!</definedName>
    <definedName name="_A" localSheetId="0">'[2]2-(1)-1'!#REF!</definedName>
    <definedName name="_A">'[2]2-(1)-1'!#REF!</definedName>
    <definedName name="_C" localSheetId="0">'[2]2-(1)-1'!#REF!</definedName>
    <definedName name="_C">'[2]2-(1)-1'!#REF!</definedName>
    <definedName name="_E" localSheetId="0">'[2]2-(1)-1'!#REF!</definedName>
    <definedName name="_E">'[2]2-(1)-1'!#REF!</definedName>
    <definedName name="_Fill" localSheetId="0" hidden="1">'[3]重心自閉(H11)'!#REF!</definedName>
    <definedName name="_Fill" hidden="1">'[3]重心自閉(H11)'!#REF!</definedName>
    <definedName name="_hh" hidden="1">'[3]重心自閉(H11)'!#REF!</definedName>
    <definedName name="_Key1" localSheetId="0" hidden="1">#REF!</definedName>
    <definedName name="_Key1" hidden="1">#REF!</definedName>
    <definedName name="_M" localSheetId="0">'[2]2-(1)-1'!#REF!</definedName>
    <definedName name="_M">'[2]2-(1)-1'!#REF!</definedName>
    <definedName name="_N" localSheetId="0">'[2]2-(1)-1'!#REF!</definedName>
    <definedName name="_N">'[2]2-(1)-1'!#REF!</definedName>
    <definedName name="_o" localSheetId="0">#REF!</definedName>
    <definedName name="_o">#REF!</definedName>
    <definedName name="_Order1" hidden="1">255</definedName>
    <definedName name="_P" localSheetId="0">'[2]2-(1)-1'!#REF!</definedName>
    <definedName name="_P">'[2]2-(1)-1'!#REF!</definedName>
    <definedName name="_Q" localSheetId="0">'[2]2-(1)-1'!#REF!</definedName>
    <definedName name="_Q">'[2]2-(1)-1'!#REF!</definedName>
    <definedName name="_R" localSheetId="0">'[2]2-(1)-1'!#REF!</definedName>
    <definedName name="_R">'[2]2-(1)-1'!#REF!</definedName>
    <definedName name="_Sort" localSheetId="0" hidden="1">'[3]重心自閉(H11)'!#REF!</definedName>
    <definedName name="_Sort" hidden="1">'[3]重心自閉(H11)'!#REF!</definedName>
    <definedName name="_T" localSheetId="0">#REF!</definedName>
    <definedName name="_T">#REF!</definedName>
    <definedName name="_U" localSheetId="0">'[2]2-(1)-1'!#REF!</definedName>
    <definedName name="_U">'[2]2-(1)-1'!#REF!</definedName>
    <definedName name="_X" localSheetId="0">'[2]2-(1)-1'!#REF!</definedName>
    <definedName name="_X">'[2]2-(1)-1'!#REF!</definedName>
    <definedName name="\a" localSheetId="0">#REF!</definedName>
    <definedName name="\a">#REF!</definedName>
    <definedName name="\i" localSheetId="0">#REF!</definedName>
    <definedName name="\i">#REF!</definedName>
    <definedName name="\s" localSheetId="0">#REF!</definedName>
    <definedName name="\s">#REF!</definedName>
    <definedName name="A">#N/A</definedName>
    <definedName name="_xlnm.Print_Area" localSheetId="0">'5-10'!$A$1:$U$34</definedName>
    <definedName name="_xlnm.Print_Area">#REF!</definedName>
    <definedName name="Print_Area_MI" localSheetId="0">#REF!</definedName>
    <definedName name="Print_Area_MI">#REF!</definedName>
    <definedName name="table1">'[4]13表'!$E$13:$J$18</definedName>
    <definedName name="test1">'[4]13表'!$E$13:$H$17</definedName>
    <definedName name="Z_C27FC36F_7DA4_4822_860B_0B3D8B2EC982_.wvu.PrintArea" localSheetId="0" hidden="1">'5-10'!$A$1:$U$20</definedName>
    <definedName name="あ" localSheetId="0">#REF!</definedName>
    <definedName name="あ">#REF!</definedName>
    <definedName name="し" localSheetId="0">#REF!</definedName>
    <definedName name="し">#REF!</definedName>
    <definedName name="たかし">'[4]13表'!$E$13:$H$17</definedName>
    <definedName name="第_6_精神手帳交付" localSheetId="0">#REF!</definedName>
    <definedName name="第_6_精神手帳交付">#REF!</definedName>
    <definedName name="第33_環境衛生.食品" localSheetId="0">#REF!</definedName>
    <definedName name="第33_環境衛生.食品">#REF!</definedName>
    <definedName name="第34_医療監視" localSheetId="0">#REF!</definedName>
    <definedName name="第34_医療監視">#REF!</definedName>
    <definedName name="第35_医療法人">#REF!</definedName>
    <definedName name="第46_薬局">#REF!</definedName>
    <definedName name="第47_薬事監視">#REF!</definedName>
    <definedName name="第48_毒劇物監視">#REF!</definedName>
    <definedName name="不明" localSheetId="0">#REF!</definedName>
    <definedName name="不明">#REF!</definedName>
    <definedName name="有名" localSheetId="0">#REF!</definedName>
    <definedName name="有名">#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U19" i="1" l="1"/>
  <c r="T19" i="1"/>
  <c r="S19" i="1"/>
  <c r="Q19" i="1"/>
  <c r="P19" i="1"/>
  <c r="O19" i="1"/>
  <c r="N19" i="1"/>
  <c r="M19" i="1" s="1"/>
  <c r="L19" i="1"/>
  <c r="K19" i="1"/>
  <c r="J19" i="1"/>
  <c r="I19" i="1"/>
  <c r="H19" i="1"/>
  <c r="G19" i="1"/>
  <c r="F19" i="1"/>
  <c r="F7" i="1" s="1"/>
  <c r="E19" i="1"/>
  <c r="D19" i="1" s="1"/>
  <c r="C19" i="1"/>
  <c r="R18" i="1"/>
  <c r="M18" i="1"/>
  <c r="D18" i="1"/>
  <c r="R17" i="1"/>
  <c r="R19" i="1" s="1"/>
  <c r="M17" i="1"/>
  <c r="M5" i="1" s="1"/>
  <c r="D17" i="1"/>
  <c r="U16" i="1"/>
  <c r="T16" i="1"/>
  <c r="S16" i="1"/>
  <c r="Q16" i="1"/>
  <c r="P16" i="1"/>
  <c r="O16" i="1"/>
  <c r="O7" i="1" s="1"/>
  <c r="N16" i="1"/>
  <c r="M16" i="1" s="1"/>
  <c r="L16" i="1"/>
  <c r="K16" i="1"/>
  <c r="J16" i="1"/>
  <c r="I16" i="1"/>
  <c r="H16" i="1"/>
  <c r="G16" i="1"/>
  <c r="G7" i="1" s="1"/>
  <c r="F16" i="1"/>
  <c r="E16" i="1"/>
  <c r="D16" i="1" s="1"/>
  <c r="C16" i="1"/>
  <c r="R15" i="1"/>
  <c r="M15" i="1"/>
  <c r="D15" i="1"/>
  <c r="R14" i="1"/>
  <c r="R16" i="1" s="1"/>
  <c r="M14" i="1"/>
  <c r="D14" i="1"/>
  <c r="U13" i="1"/>
  <c r="T13" i="1"/>
  <c r="S13" i="1"/>
  <c r="Q13" i="1"/>
  <c r="P13" i="1"/>
  <c r="P7" i="1" s="1"/>
  <c r="O13" i="1"/>
  <c r="N13" i="1"/>
  <c r="L13" i="1"/>
  <c r="K13" i="1"/>
  <c r="J13" i="1"/>
  <c r="I13" i="1"/>
  <c r="H13" i="1"/>
  <c r="H7" i="1" s="1"/>
  <c r="G13" i="1"/>
  <c r="F13" i="1"/>
  <c r="E13" i="1"/>
  <c r="C13" i="1"/>
  <c r="R12" i="1"/>
  <c r="R13" i="1" s="1"/>
  <c r="M12" i="1"/>
  <c r="D12" i="1"/>
  <c r="D6" i="1" s="1"/>
  <c r="R11" i="1"/>
  <c r="M11" i="1"/>
  <c r="D11" i="1"/>
  <c r="U10" i="1"/>
  <c r="T10" i="1"/>
  <c r="S10" i="1"/>
  <c r="Q10" i="1"/>
  <c r="Q7" i="1" s="1"/>
  <c r="P10" i="1"/>
  <c r="O10" i="1"/>
  <c r="N10" i="1"/>
  <c r="L10" i="1"/>
  <c r="K10" i="1"/>
  <c r="J10" i="1"/>
  <c r="I10" i="1"/>
  <c r="I7" i="1" s="1"/>
  <c r="H10" i="1"/>
  <c r="G10" i="1"/>
  <c r="F10" i="1"/>
  <c r="E10" i="1"/>
  <c r="D10" i="1" s="1"/>
  <c r="C10" i="1"/>
  <c r="R9" i="1"/>
  <c r="R10" i="1" s="1"/>
  <c r="R7" i="1" s="1"/>
  <c r="M9" i="1"/>
  <c r="D9" i="1"/>
  <c r="R8" i="1"/>
  <c r="M8" i="1"/>
  <c r="D8" i="1"/>
  <c r="U7" i="1"/>
  <c r="T7" i="1"/>
  <c r="S7" i="1"/>
  <c r="L7" i="1"/>
  <c r="K7" i="1"/>
  <c r="J7" i="1"/>
  <c r="E7" i="1"/>
  <c r="C7" i="1"/>
  <c r="U6" i="1"/>
  <c r="T6" i="1"/>
  <c r="S6" i="1"/>
  <c r="Q6" i="1"/>
  <c r="P6" i="1"/>
  <c r="O6" i="1"/>
  <c r="N6" i="1"/>
  <c r="M6" i="1"/>
  <c r="L6" i="1"/>
  <c r="K6" i="1"/>
  <c r="J6" i="1"/>
  <c r="I6" i="1"/>
  <c r="H6" i="1"/>
  <c r="G6" i="1"/>
  <c r="F6" i="1"/>
  <c r="E6" i="1"/>
  <c r="C6" i="1"/>
  <c r="U5" i="1"/>
  <c r="T5" i="1"/>
  <c r="S5" i="1"/>
  <c r="Q5" i="1"/>
  <c r="P5" i="1"/>
  <c r="O5" i="1"/>
  <c r="N5" i="1"/>
  <c r="L5" i="1"/>
  <c r="K5" i="1"/>
  <c r="J5" i="1"/>
  <c r="I5" i="1"/>
  <c r="H5" i="1"/>
  <c r="G5" i="1"/>
  <c r="F5" i="1"/>
  <c r="E5" i="1"/>
  <c r="D5" i="1"/>
  <c r="C5" i="1"/>
  <c r="R5" i="1" l="1"/>
  <c r="N7" i="1"/>
  <c r="M10" i="1"/>
  <c r="D13" i="1"/>
  <c r="D7" i="1" s="1"/>
  <c r="R6" i="1"/>
  <c r="M13" i="1"/>
  <c r="M7" i="1" l="1"/>
</calcChain>
</file>

<file path=xl/sharedStrings.xml><?xml version="1.0" encoding="utf-8"?>
<sst xmlns="http://schemas.openxmlformats.org/spreadsheetml/2006/main" count="46" uniqueCount="29">
  <si>
    <t>5-10表　知的障害者更生相談所における処理状況</t>
    <rPh sb="1" eb="2">
      <t>チ</t>
    </rPh>
    <phoneticPr fontId="2"/>
  </si>
  <si>
    <t>令和４年度分</t>
    <rPh sb="0" eb="2">
      <t>レイワ</t>
    </rPh>
    <phoneticPr fontId="2"/>
  </si>
  <si>
    <t>項目</t>
  </si>
  <si>
    <t>取扱
実人員</t>
    <rPh sb="0" eb="2">
      <t>トリアツカ</t>
    </rPh>
    <phoneticPr fontId="2"/>
  </si>
  <si>
    <t>相談内容</t>
  </si>
  <si>
    <t>判定内容</t>
  </si>
  <si>
    <t>判定書等交付件数</t>
    <rPh sb="0" eb="2">
      <t>ハンテイ</t>
    </rPh>
    <rPh sb="2" eb="3">
      <t>カ</t>
    </rPh>
    <rPh sb="3" eb="4">
      <t>トウ</t>
    </rPh>
    <rPh sb="4" eb="6">
      <t>コウフ</t>
    </rPh>
    <rPh sb="6" eb="8">
      <t>ケンスウ</t>
    </rPh>
    <phoneticPr fontId="2"/>
  </si>
  <si>
    <t>計</t>
  </si>
  <si>
    <t>施設</t>
    <rPh sb="0" eb="2">
      <t>シセツ</t>
    </rPh>
    <phoneticPr fontId="2"/>
  </si>
  <si>
    <t>職親委託</t>
    <rPh sb="0" eb="1">
      <t>ショク</t>
    </rPh>
    <rPh sb="1" eb="2">
      <t>オヤ</t>
    </rPh>
    <rPh sb="2" eb="4">
      <t>イタク</t>
    </rPh>
    <phoneticPr fontId="2"/>
  </si>
  <si>
    <t>職業</t>
    <rPh sb="0" eb="2">
      <t>ショクギョウ</t>
    </rPh>
    <phoneticPr fontId="2"/>
  </si>
  <si>
    <t>医療保健</t>
    <rPh sb="0" eb="2">
      <t>イリョウ</t>
    </rPh>
    <rPh sb="2" eb="4">
      <t>ホケン</t>
    </rPh>
    <phoneticPr fontId="2"/>
  </si>
  <si>
    <t>生活</t>
    <rPh sb="0" eb="2">
      <t>セイカツ</t>
    </rPh>
    <phoneticPr fontId="2"/>
  </si>
  <si>
    <t>教育</t>
    <rPh sb="0" eb="2">
      <t>キョウイク</t>
    </rPh>
    <phoneticPr fontId="2"/>
  </si>
  <si>
    <t>療育手帳</t>
    <rPh sb="0" eb="2">
      <t>リョウイク</t>
    </rPh>
    <rPh sb="2" eb="4">
      <t>テチョウ</t>
    </rPh>
    <phoneticPr fontId="2"/>
  </si>
  <si>
    <t>その他</t>
    <rPh sb="2" eb="3">
      <t>タ</t>
    </rPh>
    <phoneticPr fontId="2"/>
  </si>
  <si>
    <t>医学的
判定</t>
    <rPh sb="0" eb="3">
      <t>イガクテキ</t>
    </rPh>
    <rPh sb="4" eb="6">
      <t>ハンテイ</t>
    </rPh>
    <phoneticPr fontId="2"/>
  </si>
  <si>
    <t>心理学的
判定</t>
    <rPh sb="0" eb="3">
      <t>シンリガク</t>
    </rPh>
    <rPh sb="3" eb="4">
      <t>テキ</t>
    </rPh>
    <rPh sb="5" eb="7">
      <t>ハンテイ</t>
    </rPh>
    <phoneticPr fontId="2"/>
  </si>
  <si>
    <t>職能的
判定</t>
    <rPh sb="0" eb="3">
      <t>ショクノウテキ</t>
    </rPh>
    <rPh sb="4" eb="6">
      <t>ハンテイ</t>
    </rPh>
    <phoneticPr fontId="2"/>
  </si>
  <si>
    <t>その他の判定</t>
    <rPh sb="2" eb="3">
      <t>タ</t>
    </rPh>
    <rPh sb="4" eb="6">
      <t>ハンテイ</t>
    </rPh>
    <phoneticPr fontId="2"/>
  </si>
  <si>
    <t>障害程度区分</t>
    <rPh sb="0" eb="2">
      <t>ショウガイ</t>
    </rPh>
    <rPh sb="2" eb="4">
      <t>テイド</t>
    </rPh>
    <rPh sb="4" eb="6">
      <t>クブン</t>
    </rPh>
    <phoneticPr fontId="2"/>
  </si>
  <si>
    <t>総計</t>
    <phoneticPr fontId="2"/>
  </si>
  <si>
    <t>来所</t>
  </si>
  <si>
    <t>巡回</t>
  </si>
  <si>
    <t>横浜市障害者
更生相談所</t>
    <rPh sb="3" eb="6">
      <t>ショウガイシャ</t>
    </rPh>
    <rPh sb="7" eb="9">
      <t>コウセイ</t>
    </rPh>
    <rPh sb="9" eb="11">
      <t>ソウダン</t>
    </rPh>
    <rPh sb="11" eb="12">
      <t>ショ</t>
    </rPh>
    <phoneticPr fontId="2"/>
  </si>
  <si>
    <t>川崎市障害者
更生相談所</t>
    <rPh sb="0" eb="1">
      <t>カワサキ</t>
    </rPh>
    <rPh sb="1" eb="2">
      <t>カワサキ</t>
    </rPh>
    <rPh sb="3" eb="6">
      <t>ショウガイシャ</t>
    </rPh>
    <rPh sb="7" eb="9">
      <t>コウセイ</t>
    </rPh>
    <rPh sb="9" eb="11">
      <t>ソウダン</t>
    </rPh>
    <rPh sb="11" eb="12">
      <t>ショ</t>
    </rPh>
    <phoneticPr fontId="2"/>
  </si>
  <si>
    <t>相模原市障害者
更生相談所</t>
    <rPh sb="0" eb="3">
      <t>サガミハラ</t>
    </rPh>
    <rPh sb="4" eb="7">
      <t>ショウガイシャ</t>
    </rPh>
    <rPh sb="8" eb="10">
      <t>コウセイ</t>
    </rPh>
    <rPh sb="10" eb="12">
      <t>ソウダン</t>
    </rPh>
    <rPh sb="12" eb="13">
      <t>ショ</t>
    </rPh>
    <phoneticPr fontId="2"/>
  </si>
  <si>
    <t>神奈川県障害者
更生相談所</t>
    <rPh sb="3" eb="4">
      <t>ケン</t>
    </rPh>
    <rPh sb="4" eb="7">
      <t>ショウガイシャ</t>
    </rPh>
    <rPh sb="8" eb="10">
      <t>コウセイ</t>
    </rPh>
    <rPh sb="10" eb="12">
      <t>ソウダン</t>
    </rPh>
    <rPh sb="12" eb="13">
      <t>ショ</t>
    </rPh>
    <phoneticPr fontId="2"/>
  </si>
  <si>
    <t>資料：障害福祉課</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_(* #,##0_);_(* \(#,##0\);_(* &quot;-&quot;_);_(@_)"/>
    <numFmt numFmtId="177" formatCode="&quot;(&quot;##,###&quot;)&quot;"/>
  </numFmts>
  <fonts count="4" x14ac:knownFonts="1">
    <font>
      <sz val="11"/>
      <name val="ＭＳ Ｐゴシック"/>
      <family val="3"/>
      <charset val="128"/>
    </font>
    <font>
      <sz val="11"/>
      <name val="メイリオ"/>
      <family val="3"/>
      <charset val="128"/>
    </font>
    <font>
      <sz val="6"/>
      <name val="ＭＳ Ｐゴシック"/>
      <family val="3"/>
      <charset val="128"/>
    </font>
    <font>
      <sz val="11"/>
      <color theme="4" tint="-0.499984740745262"/>
      <name val="メイリオ"/>
      <family val="3"/>
      <charset val="128"/>
    </font>
  </fonts>
  <fills count="5">
    <fill>
      <patternFill patternType="none"/>
    </fill>
    <fill>
      <patternFill patternType="gray125"/>
    </fill>
    <fill>
      <patternFill patternType="solid">
        <fgColor indexed="9"/>
        <bgColor indexed="64"/>
      </patternFill>
    </fill>
    <fill>
      <patternFill patternType="solid">
        <fgColor theme="4" tint="0.79998168889431442"/>
        <bgColor indexed="64"/>
      </patternFill>
    </fill>
    <fill>
      <patternFill patternType="solid">
        <fgColor theme="5" tint="0.79998168889431442"/>
        <bgColor indexed="64"/>
      </patternFill>
    </fill>
  </fills>
  <borders count="75">
    <border>
      <left/>
      <right/>
      <top/>
      <bottom/>
      <diagonal/>
    </border>
    <border>
      <left/>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top style="medium">
        <color indexed="64"/>
      </top>
      <bottom/>
      <diagonal/>
    </border>
    <border>
      <left style="medium">
        <color indexed="64"/>
      </left>
      <right/>
      <top style="medium">
        <color indexed="64"/>
      </top>
      <bottom style="thin">
        <color indexed="8"/>
      </bottom>
      <diagonal/>
    </border>
    <border>
      <left/>
      <right/>
      <top style="medium">
        <color indexed="64"/>
      </top>
      <bottom style="thin">
        <color indexed="8"/>
      </bottom>
      <diagonal/>
    </border>
    <border>
      <left/>
      <right style="medium">
        <color indexed="64"/>
      </right>
      <top style="medium">
        <color indexed="64"/>
      </top>
      <bottom style="thin">
        <color indexed="8"/>
      </bottom>
      <diagonal/>
    </border>
    <border>
      <left style="medium">
        <color indexed="64"/>
      </left>
      <right/>
      <top/>
      <bottom/>
      <diagonal/>
    </border>
    <border>
      <left/>
      <right style="medium">
        <color indexed="64"/>
      </right>
      <top/>
      <bottom/>
      <diagonal/>
    </border>
    <border>
      <left style="medium">
        <color indexed="64"/>
      </left>
      <right style="double">
        <color indexed="64"/>
      </right>
      <top style="thin">
        <color indexed="8"/>
      </top>
      <bottom/>
      <diagonal/>
    </border>
    <border>
      <left/>
      <right style="thin">
        <color indexed="8"/>
      </right>
      <top style="thin">
        <color indexed="8"/>
      </top>
      <bottom/>
      <diagonal/>
    </border>
    <border>
      <left style="thin">
        <color indexed="8"/>
      </left>
      <right style="thin">
        <color indexed="8"/>
      </right>
      <top style="thin">
        <color indexed="8"/>
      </top>
      <bottom/>
      <diagonal/>
    </border>
    <border>
      <left style="thin">
        <color indexed="8"/>
      </left>
      <right style="medium">
        <color indexed="64"/>
      </right>
      <top style="thin">
        <color indexed="8"/>
      </top>
      <bottom/>
      <diagonal/>
    </border>
    <border>
      <left style="thin">
        <color indexed="8"/>
      </left>
      <right/>
      <top style="thin">
        <color indexed="8"/>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style="double">
        <color indexed="64"/>
      </right>
      <top/>
      <bottom style="medium">
        <color indexed="64"/>
      </bottom>
      <diagonal/>
    </border>
    <border>
      <left/>
      <right style="thin">
        <color indexed="64"/>
      </right>
      <top/>
      <bottom style="medium">
        <color indexed="64"/>
      </bottom>
      <diagonal/>
    </border>
    <border>
      <left style="medium">
        <color indexed="64"/>
      </left>
      <right style="thin">
        <color indexed="64"/>
      </right>
      <top style="medium">
        <color indexed="64"/>
      </top>
      <bottom/>
      <diagonal/>
    </border>
    <border>
      <left style="thin">
        <color indexed="64"/>
      </left>
      <right style="medium">
        <color indexed="64"/>
      </right>
      <top style="medium">
        <color indexed="64"/>
      </top>
      <bottom style="hair">
        <color indexed="64"/>
      </bottom>
      <diagonal/>
    </border>
    <border>
      <left style="medium">
        <color indexed="64"/>
      </left>
      <right/>
      <top style="medium">
        <color indexed="64"/>
      </top>
      <bottom style="hair">
        <color indexed="64"/>
      </bottom>
      <diagonal/>
    </border>
    <border>
      <left style="medium">
        <color indexed="64"/>
      </left>
      <right style="double">
        <color indexed="64"/>
      </right>
      <top style="medium">
        <color indexed="64"/>
      </top>
      <bottom style="hair">
        <color indexed="64"/>
      </bottom>
      <diagonal/>
    </border>
    <border>
      <left/>
      <right style="thin">
        <color indexed="64"/>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right/>
      <top style="medium">
        <color indexed="64"/>
      </top>
      <bottom style="hair">
        <color indexed="64"/>
      </bottom>
      <diagonal/>
    </border>
    <border>
      <left style="thin">
        <color indexed="64"/>
      </left>
      <right/>
      <top style="medium">
        <color indexed="64"/>
      </top>
      <bottom style="hair">
        <color indexed="64"/>
      </bottom>
      <diagonal/>
    </border>
    <border>
      <left style="medium">
        <color indexed="64"/>
      </left>
      <right style="thin">
        <color indexed="64"/>
      </right>
      <top/>
      <bottom/>
      <diagonal/>
    </border>
    <border>
      <left style="thin">
        <color indexed="64"/>
      </left>
      <right style="medium">
        <color indexed="64"/>
      </right>
      <top style="hair">
        <color indexed="64"/>
      </top>
      <bottom style="hair">
        <color indexed="64"/>
      </bottom>
      <diagonal/>
    </border>
    <border>
      <left style="medium">
        <color indexed="64"/>
      </left>
      <right/>
      <top style="hair">
        <color indexed="64"/>
      </top>
      <bottom style="hair">
        <color indexed="64"/>
      </bottom>
      <diagonal/>
    </border>
    <border>
      <left style="medium">
        <color indexed="64"/>
      </left>
      <right style="double">
        <color indexed="64"/>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right/>
      <top style="hair">
        <color indexed="64"/>
      </top>
      <bottom style="hair">
        <color indexed="64"/>
      </bottom>
      <diagonal/>
    </border>
    <border>
      <left style="thin">
        <color indexed="64"/>
      </left>
      <right/>
      <top style="hair">
        <color indexed="64"/>
      </top>
      <bottom style="hair">
        <color indexed="64"/>
      </bottom>
      <diagonal/>
    </border>
    <border>
      <left style="medium">
        <color indexed="64"/>
      </left>
      <right style="thin">
        <color indexed="64"/>
      </right>
      <top/>
      <bottom style="double">
        <color indexed="64"/>
      </bottom>
      <diagonal/>
    </border>
    <border>
      <left style="thin">
        <color indexed="64"/>
      </left>
      <right style="medium">
        <color indexed="64"/>
      </right>
      <top style="hair">
        <color indexed="64"/>
      </top>
      <bottom style="double">
        <color indexed="64"/>
      </bottom>
      <diagonal/>
    </border>
    <border>
      <left style="medium">
        <color indexed="64"/>
      </left>
      <right/>
      <top style="hair">
        <color indexed="64"/>
      </top>
      <bottom style="double">
        <color indexed="64"/>
      </bottom>
      <diagonal/>
    </border>
    <border>
      <left style="medium">
        <color indexed="64"/>
      </left>
      <right style="double">
        <color indexed="64"/>
      </right>
      <top style="hair">
        <color indexed="64"/>
      </top>
      <bottom style="double">
        <color indexed="64"/>
      </bottom>
      <diagonal/>
    </border>
    <border>
      <left/>
      <right style="thin">
        <color indexed="64"/>
      </right>
      <top style="hair">
        <color indexed="64"/>
      </top>
      <bottom style="double">
        <color indexed="64"/>
      </bottom>
      <diagonal/>
    </border>
    <border>
      <left style="thin">
        <color indexed="64"/>
      </left>
      <right style="thin">
        <color indexed="64"/>
      </right>
      <top style="hair">
        <color indexed="64"/>
      </top>
      <bottom style="double">
        <color indexed="64"/>
      </bottom>
      <diagonal/>
    </border>
    <border>
      <left/>
      <right/>
      <top style="hair">
        <color indexed="64"/>
      </top>
      <bottom style="double">
        <color indexed="64"/>
      </bottom>
      <diagonal/>
    </border>
    <border>
      <left style="thin">
        <color indexed="64"/>
      </left>
      <right/>
      <top style="hair">
        <color indexed="64"/>
      </top>
      <bottom style="double">
        <color indexed="64"/>
      </bottom>
      <diagonal/>
    </border>
    <border>
      <left style="thin">
        <color indexed="64"/>
      </left>
      <right style="medium">
        <color indexed="64"/>
      </right>
      <top/>
      <bottom style="hair">
        <color indexed="64"/>
      </bottom>
      <diagonal/>
    </border>
    <border>
      <left style="medium">
        <color indexed="64"/>
      </left>
      <right/>
      <top/>
      <bottom style="hair">
        <color indexed="64"/>
      </bottom>
      <diagonal/>
    </border>
    <border>
      <left style="medium">
        <color indexed="64"/>
      </left>
      <right style="double">
        <color indexed="64"/>
      </right>
      <top/>
      <bottom style="hair">
        <color indexed="64"/>
      </bottom>
      <diagonal/>
    </border>
    <border>
      <left/>
      <right style="thin">
        <color indexed="64"/>
      </right>
      <top/>
      <bottom style="hair">
        <color indexed="64"/>
      </bottom>
      <diagonal/>
    </border>
    <border>
      <left style="thin">
        <color indexed="64"/>
      </left>
      <right style="thin">
        <color indexed="64"/>
      </right>
      <top/>
      <bottom style="hair">
        <color indexed="64"/>
      </bottom>
      <diagonal/>
    </border>
    <border>
      <left style="thin">
        <color indexed="64"/>
      </left>
      <right/>
      <top/>
      <bottom style="hair">
        <color indexed="64"/>
      </bottom>
      <diagonal/>
    </border>
    <border>
      <left style="medium">
        <color indexed="64"/>
      </left>
      <right style="thin">
        <color indexed="64"/>
      </right>
      <top/>
      <bottom style="thin">
        <color indexed="64"/>
      </bottom>
      <diagonal/>
    </border>
    <border>
      <left style="thin">
        <color indexed="64"/>
      </left>
      <right style="medium">
        <color indexed="64"/>
      </right>
      <top style="hair">
        <color indexed="64"/>
      </top>
      <bottom style="thin">
        <color indexed="64"/>
      </bottom>
      <diagonal/>
    </border>
    <border>
      <left style="medium">
        <color indexed="64"/>
      </left>
      <right/>
      <top style="hair">
        <color indexed="64"/>
      </top>
      <bottom style="thin">
        <color indexed="8"/>
      </bottom>
      <diagonal/>
    </border>
    <border>
      <left style="medium">
        <color indexed="64"/>
      </left>
      <right style="double">
        <color indexed="64"/>
      </right>
      <top style="hair">
        <color indexed="64"/>
      </top>
      <bottom style="thin">
        <color indexed="8"/>
      </bottom>
      <diagonal/>
    </border>
    <border>
      <left/>
      <right/>
      <top style="hair">
        <color indexed="64"/>
      </top>
      <bottom style="thin">
        <color indexed="8"/>
      </bottom>
      <diagonal/>
    </border>
    <border>
      <left style="thin">
        <color indexed="8"/>
      </left>
      <right/>
      <top style="hair">
        <color indexed="64"/>
      </top>
      <bottom style="thin">
        <color indexed="8"/>
      </bottom>
      <diagonal/>
    </border>
    <border>
      <left style="thin">
        <color indexed="8"/>
      </left>
      <right style="medium">
        <color indexed="64"/>
      </right>
      <top style="hair">
        <color indexed="64"/>
      </top>
      <bottom style="thin">
        <color indexed="8"/>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style="hair">
        <color indexed="64"/>
      </bottom>
      <diagonal/>
    </border>
    <border>
      <left style="medium">
        <color indexed="64"/>
      </left>
      <right/>
      <top style="thin">
        <color indexed="64"/>
      </top>
      <bottom style="hair">
        <color indexed="64"/>
      </bottom>
      <diagonal/>
    </border>
    <border>
      <left style="medium">
        <color indexed="64"/>
      </left>
      <right style="double">
        <color indexed="64"/>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style="medium">
        <color indexed="64"/>
      </left>
      <right style="double">
        <color indexed="64"/>
      </right>
      <top style="thin">
        <color indexed="64"/>
      </top>
      <bottom/>
      <diagonal/>
    </border>
    <border>
      <left style="medium">
        <color indexed="64"/>
      </left>
      <right/>
      <top style="hair">
        <color indexed="64"/>
      </top>
      <bottom style="thin">
        <color indexed="64"/>
      </bottom>
      <diagonal/>
    </border>
    <border>
      <left style="medium">
        <color indexed="64"/>
      </left>
      <right style="double">
        <color indexed="64"/>
      </right>
      <top style="thin">
        <color indexed="8"/>
      </top>
      <bottom style="hair">
        <color indexed="64"/>
      </bottom>
      <diagonal/>
    </border>
    <border>
      <left style="medium">
        <color indexed="64"/>
      </left>
      <right style="double">
        <color indexed="64"/>
      </right>
      <top style="hair">
        <color indexed="64"/>
      </top>
      <bottom style="thin">
        <color indexed="64"/>
      </bottom>
      <diagonal/>
    </border>
    <border>
      <left style="thin">
        <color indexed="64"/>
      </left>
      <right style="medium">
        <color indexed="64"/>
      </right>
      <top style="thin">
        <color indexed="8"/>
      </top>
      <bottom style="hair">
        <color indexed="64"/>
      </bottom>
      <diagonal/>
    </border>
    <border>
      <left style="medium">
        <color indexed="64"/>
      </left>
      <right style="thin">
        <color indexed="64"/>
      </right>
      <top/>
      <bottom style="medium">
        <color indexed="64"/>
      </bottom>
      <diagonal/>
    </border>
    <border>
      <left style="thin">
        <color indexed="64"/>
      </left>
      <right style="medium">
        <color indexed="64"/>
      </right>
      <top style="hair">
        <color indexed="64"/>
      </top>
      <bottom style="medium">
        <color indexed="64"/>
      </bottom>
      <diagonal/>
    </border>
    <border>
      <left style="medium">
        <color indexed="64"/>
      </left>
      <right/>
      <top style="hair">
        <color indexed="64"/>
      </top>
      <bottom style="medium">
        <color indexed="64"/>
      </bottom>
      <diagonal/>
    </border>
    <border>
      <left style="medium">
        <color indexed="64"/>
      </left>
      <right style="double">
        <color indexed="64"/>
      </right>
      <top style="hair">
        <color indexed="64"/>
      </top>
      <bottom style="medium">
        <color indexed="64"/>
      </bottom>
      <diagonal/>
    </border>
    <border>
      <left/>
      <right/>
      <top style="hair">
        <color indexed="64"/>
      </top>
      <bottom style="medium">
        <color indexed="64"/>
      </bottom>
      <diagonal/>
    </border>
    <border>
      <left style="thin">
        <color indexed="8"/>
      </left>
      <right/>
      <top style="hair">
        <color indexed="64"/>
      </top>
      <bottom style="medium">
        <color indexed="64"/>
      </bottom>
      <diagonal/>
    </border>
    <border>
      <left style="thin">
        <color indexed="8"/>
      </left>
      <right style="medium">
        <color indexed="64"/>
      </right>
      <top style="hair">
        <color indexed="64"/>
      </top>
      <bottom style="medium">
        <color indexed="64"/>
      </bottom>
      <diagonal/>
    </border>
  </borders>
  <cellStyleXfs count="1">
    <xf numFmtId="0" fontId="0" fillId="0" borderId="0"/>
  </cellStyleXfs>
  <cellXfs count="132">
    <xf numFmtId="0" fontId="0" fillId="0" borderId="0" xfId="0"/>
    <xf numFmtId="0" fontId="1" fillId="2" borderId="1" xfId="0" quotePrefix="1" applyNumberFormat="1" applyFont="1" applyFill="1" applyBorder="1" applyAlignment="1">
      <alignment vertical="center"/>
    </xf>
    <xf numFmtId="176" fontId="1" fillId="2" borderId="1" xfId="0" applyNumberFormat="1" applyFont="1" applyFill="1" applyBorder="1" applyAlignment="1">
      <alignment vertical="center"/>
    </xf>
    <xf numFmtId="176" fontId="1" fillId="2" borderId="1" xfId="0" quotePrefix="1" applyNumberFormat="1" applyFont="1" applyFill="1" applyBorder="1" applyAlignment="1">
      <alignment vertical="center"/>
    </xf>
    <xf numFmtId="176" fontId="1" fillId="2" borderId="1" xfId="0" quotePrefix="1" applyNumberFormat="1" applyFont="1" applyFill="1" applyBorder="1" applyAlignment="1">
      <alignment horizontal="right" vertical="center"/>
    </xf>
    <xf numFmtId="0" fontId="1" fillId="2" borderId="0" xfId="0" applyFont="1" applyFill="1" applyAlignment="1">
      <alignment vertical="center"/>
    </xf>
    <xf numFmtId="0" fontId="1" fillId="3" borderId="2" xfId="0" applyNumberFormat="1" applyFont="1" applyFill="1" applyBorder="1" applyAlignment="1">
      <alignment horizontal="distributed" vertical="center" justifyLastLine="1"/>
    </xf>
    <xf numFmtId="0" fontId="1" fillId="3" borderId="3" xfId="0" applyNumberFormat="1" applyFont="1" applyFill="1" applyBorder="1" applyAlignment="1">
      <alignment horizontal="distributed" vertical="center" justifyLastLine="1"/>
    </xf>
    <xf numFmtId="0" fontId="1" fillId="3" borderId="4" xfId="0" applyNumberFormat="1" applyFont="1" applyFill="1" applyBorder="1" applyAlignment="1">
      <alignment horizontal="distributed" vertical="center" wrapText="1" justifyLastLine="1"/>
    </xf>
    <xf numFmtId="0" fontId="1" fillId="3" borderId="5" xfId="0" applyNumberFormat="1" applyFont="1" applyFill="1" applyBorder="1" applyAlignment="1">
      <alignment horizontal="distributed" vertical="center" wrapText="1" justifyLastLine="1"/>
    </xf>
    <xf numFmtId="0" fontId="1" fillId="3" borderId="6" xfId="0" applyNumberFormat="1" applyFont="1" applyFill="1" applyBorder="1" applyAlignment="1">
      <alignment horizontal="distributed" vertical="center" wrapText="1" justifyLastLine="1"/>
    </xf>
    <xf numFmtId="0" fontId="1" fillId="3" borderId="7" xfId="0" applyNumberFormat="1" applyFont="1" applyFill="1" applyBorder="1" applyAlignment="1">
      <alignment horizontal="distributed" vertical="center" wrapText="1" justifyLastLine="1"/>
    </xf>
    <xf numFmtId="0" fontId="1" fillId="2" borderId="0" xfId="0" applyNumberFormat="1" applyFont="1" applyFill="1" applyAlignment="1">
      <alignment horizontal="distributed" vertical="center"/>
    </xf>
    <xf numFmtId="0" fontId="1" fillId="2" borderId="0" xfId="0" applyFont="1" applyFill="1" applyAlignment="1">
      <alignment horizontal="distributed" vertical="center"/>
    </xf>
    <xf numFmtId="0" fontId="1" fillId="3" borderId="8" xfId="0" applyNumberFormat="1" applyFont="1" applyFill="1" applyBorder="1" applyAlignment="1">
      <alignment horizontal="distributed" vertical="center" justifyLastLine="1"/>
    </xf>
    <xf numFmtId="0" fontId="1" fillId="3" borderId="9" xfId="0" applyNumberFormat="1" applyFont="1" applyFill="1" applyBorder="1" applyAlignment="1">
      <alignment horizontal="distributed" vertical="center" justifyLastLine="1"/>
    </xf>
    <xf numFmtId="0" fontId="1" fillId="3" borderId="0" xfId="0" applyNumberFormat="1" applyFont="1" applyFill="1" applyBorder="1" applyAlignment="1">
      <alignment horizontal="distributed" vertical="center" wrapText="1" justifyLastLine="1"/>
    </xf>
    <xf numFmtId="0" fontId="1" fillId="3" borderId="10" xfId="0" applyNumberFormat="1" applyFont="1" applyFill="1" applyBorder="1" applyAlignment="1">
      <alignment horizontal="distributed" vertical="center" wrapText="1" justifyLastLine="1"/>
    </xf>
    <xf numFmtId="0" fontId="1" fillId="3" borderId="11" xfId="0" applyNumberFormat="1" applyFont="1" applyFill="1" applyBorder="1" applyAlignment="1">
      <alignment horizontal="distributed" vertical="center" wrapText="1" justifyLastLine="1"/>
    </xf>
    <xf numFmtId="0" fontId="1" fillId="3" borderId="12" xfId="0" applyNumberFormat="1" applyFont="1" applyFill="1" applyBorder="1" applyAlignment="1">
      <alignment horizontal="distributed" vertical="center" wrapText="1" justifyLastLine="1"/>
    </xf>
    <xf numFmtId="0" fontId="1" fillId="3" borderId="13" xfId="0" applyNumberFormat="1" applyFont="1" applyFill="1" applyBorder="1" applyAlignment="1">
      <alignment horizontal="distributed" vertical="center" wrapText="1" justifyLastLine="1"/>
    </xf>
    <xf numFmtId="0" fontId="1" fillId="3" borderId="14" xfId="0" applyNumberFormat="1" applyFont="1" applyFill="1" applyBorder="1" applyAlignment="1">
      <alignment horizontal="distributed" vertical="center" wrapText="1" justifyLastLine="1"/>
    </xf>
    <xf numFmtId="0" fontId="1" fillId="2" borderId="0" xfId="0" applyNumberFormat="1" applyFont="1" applyFill="1" applyAlignment="1">
      <alignment vertical="center"/>
    </xf>
    <xf numFmtId="0" fontId="1" fillId="3" borderId="15" xfId="0" applyNumberFormat="1" applyFont="1" applyFill="1" applyBorder="1" applyAlignment="1">
      <alignment horizontal="distributed" vertical="center" justifyLastLine="1"/>
    </xf>
    <xf numFmtId="0" fontId="1" fillId="3" borderId="16" xfId="0" applyNumberFormat="1" applyFont="1" applyFill="1" applyBorder="1" applyAlignment="1">
      <alignment horizontal="distributed" vertical="center" justifyLastLine="1"/>
    </xf>
    <xf numFmtId="177" fontId="1" fillId="3" borderId="1" xfId="0" applyNumberFormat="1" applyFont="1" applyFill="1" applyBorder="1" applyAlignment="1">
      <alignment horizontal="center" vertical="center"/>
    </xf>
    <xf numFmtId="177" fontId="1" fillId="3" borderId="17" xfId="0" applyNumberFormat="1" applyFont="1" applyFill="1" applyBorder="1" applyAlignment="1">
      <alignment horizontal="center" vertical="center"/>
    </xf>
    <xf numFmtId="177" fontId="1" fillId="3" borderId="18" xfId="0" applyNumberFormat="1" applyFont="1" applyFill="1" applyBorder="1" applyAlignment="1">
      <alignment horizontal="center" vertical="center"/>
    </xf>
    <xf numFmtId="177" fontId="1" fillId="3" borderId="16" xfId="0" applyNumberFormat="1" applyFont="1" applyFill="1" applyBorder="1" applyAlignment="1">
      <alignment horizontal="center" vertical="center"/>
    </xf>
    <xf numFmtId="0" fontId="1" fillId="2" borderId="0" xfId="0" applyNumberFormat="1" applyFont="1" applyFill="1" applyAlignment="1">
      <alignment horizontal="center" vertical="center"/>
    </xf>
    <xf numFmtId="0" fontId="1" fillId="2" borderId="0" xfId="0" applyFont="1" applyFill="1" applyAlignment="1">
      <alignment horizontal="center" vertical="center"/>
    </xf>
    <xf numFmtId="0" fontId="1" fillId="4" borderId="19" xfId="0" applyNumberFormat="1" applyFont="1" applyFill="1" applyBorder="1" applyAlignment="1">
      <alignment horizontal="distributed" vertical="center" justifyLastLine="1"/>
    </xf>
    <xf numFmtId="0" fontId="1" fillId="4" borderId="20" xfId="0" applyNumberFormat="1" applyFont="1" applyFill="1" applyBorder="1" applyAlignment="1">
      <alignment horizontal="distributed" vertical="center" justifyLastLine="1"/>
    </xf>
    <xf numFmtId="176" fontId="3" fillId="4" borderId="21" xfId="0" applyNumberFormat="1" applyFont="1" applyFill="1" applyBorder="1" applyAlignment="1">
      <alignment vertical="center"/>
    </xf>
    <xf numFmtId="176" fontId="3" fillId="4" borderId="22" xfId="0" applyNumberFormat="1" applyFont="1" applyFill="1" applyBorder="1" applyAlignment="1">
      <alignment vertical="center"/>
    </xf>
    <xf numFmtId="176" fontId="3" fillId="4" borderId="23" xfId="0" applyNumberFormat="1" applyFont="1" applyFill="1" applyBorder="1" applyAlignment="1">
      <alignment vertical="center"/>
    </xf>
    <xf numFmtId="176" fontId="3" fillId="4" borderId="24" xfId="0" applyNumberFormat="1" applyFont="1" applyFill="1" applyBorder="1" applyAlignment="1">
      <alignment vertical="center"/>
    </xf>
    <xf numFmtId="176" fontId="3" fillId="4" borderId="20" xfId="0" applyNumberFormat="1" applyFont="1" applyFill="1" applyBorder="1" applyAlignment="1">
      <alignment vertical="center"/>
    </xf>
    <xf numFmtId="176" fontId="3" fillId="4" borderId="25" xfId="0" applyNumberFormat="1" applyFont="1" applyFill="1" applyBorder="1" applyAlignment="1">
      <alignment vertical="center"/>
    </xf>
    <xf numFmtId="176" fontId="3" fillId="4" borderId="26" xfId="0" applyNumberFormat="1" applyFont="1" applyFill="1" applyBorder="1" applyAlignment="1">
      <alignment vertical="center"/>
    </xf>
    <xf numFmtId="0" fontId="1" fillId="2" borderId="0" xfId="0" applyFont="1" applyFill="1" applyBorder="1" applyAlignment="1">
      <alignment vertical="center"/>
    </xf>
    <xf numFmtId="0" fontId="1" fillId="4" borderId="27" xfId="0" applyNumberFormat="1" applyFont="1" applyFill="1" applyBorder="1" applyAlignment="1">
      <alignment horizontal="distributed" vertical="center" justifyLastLine="1"/>
    </xf>
    <xf numFmtId="0" fontId="1" fillId="4" borderId="28" xfId="0" applyNumberFormat="1" applyFont="1" applyFill="1" applyBorder="1" applyAlignment="1">
      <alignment horizontal="distributed" vertical="center" justifyLastLine="1"/>
    </xf>
    <xf numFmtId="176" fontId="3" fillId="4" borderId="29" xfId="0" applyNumberFormat="1" applyFont="1" applyFill="1" applyBorder="1" applyAlignment="1">
      <alignment vertical="center"/>
    </xf>
    <xf numFmtId="176" fontId="3" fillId="4" borderId="30" xfId="0" applyNumberFormat="1" applyFont="1" applyFill="1" applyBorder="1" applyAlignment="1">
      <alignment vertical="center"/>
    </xf>
    <xf numFmtId="176" fontId="3" fillId="4" borderId="31" xfId="0" applyNumberFormat="1" applyFont="1" applyFill="1" applyBorder="1" applyAlignment="1">
      <alignment vertical="center"/>
    </xf>
    <xf numFmtId="176" fontId="3" fillId="4" borderId="32" xfId="0" applyNumberFormat="1" applyFont="1" applyFill="1" applyBorder="1" applyAlignment="1">
      <alignment vertical="center"/>
    </xf>
    <xf numFmtId="176" fontId="3" fillId="4" borderId="28" xfId="0" applyNumberFormat="1" applyFont="1" applyFill="1" applyBorder="1" applyAlignment="1">
      <alignment vertical="center"/>
    </xf>
    <xf numFmtId="176" fontId="3" fillId="4" borderId="33" xfId="0" applyNumberFormat="1" applyFont="1" applyFill="1" applyBorder="1" applyAlignment="1">
      <alignment vertical="center"/>
    </xf>
    <xf numFmtId="176" fontId="3" fillId="4" borderId="34" xfId="0" applyNumberFormat="1" applyFont="1" applyFill="1" applyBorder="1" applyAlignment="1">
      <alignment vertical="center"/>
    </xf>
    <xf numFmtId="0" fontId="1" fillId="4" borderId="35" xfId="0" applyNumberFormat="1" applyFont="1" applyFill="1" applyBorder="1" applyAlignment="1">
      <alignment horizontal="distributed" vertical="center" justifyLastLine="1"/>
    </xf>
    <xf numFmtId="0" fontId="1" fillId="4" borderId="36" xfId="0" applyNumberFormat="1" applyFont="1" applyFill="1" applyBorder="1" applyAlignment="1">
      <alignment horizontal="distributed" vertical="center" justifyLastLine="1"/>
    </xf>
    <xf numFmtId="176" fontId="3" fillId="4" borderId="37" xfId="0" applyNumberFormat="1" applyFont="1" applyFill="1" applyBorder="1" applyAlignment="1">
      <alignment vertical="center"/>
    </xf>
    <xf numFmtId="176" fontId="3" fillId="4" borderId="38" xfId="0" applyNumberFormat="1" applyFont="1" applyFill="1" applyBorder="1" applyAlignment="1">
      <alignment vertical="center"/>
    </xf>
    <xf numFmtId="176" fontId="3" fillId="4" borderId="39" xfId="0" applyNumberFormat="1" applyFont="1" applyFill="1" applyBorder="1" applyAlignment="1">
      <alignment vertical="center"/>
    </xf>
    <xf numFmtId="176" fontId="3" fillId="4" borderId="40" xfId="0" applyNumberFormat="1" applyFont="1" applyFill="1" applyBorder="1" applyAlignment="1">
      <alignment vertical="center"/>
    </xf>
    <xf numFmtId="176" fontId="3" fillId="4" borderId="36" xfId="0" applyNumberFormat="1" applyFont="1" applyFill="1" applyBorder="1" applyAlignment="1">
      <alignment vertical="center"/>
    </xf>
    <xf numFmtId="176" fontId="3" fillId="4" borderId="41" xfId="0" applyNumberFormat="1" applyFont="1" applyFill="1" applyBorder="1" applyAlignment="1">
      <alignment vertical="center"/>
    </xf>
    <xf numFmtId="176" fontId="3" fillId="4" borderId="42" xfId="0" applyNumberFormat="1" applyFont="1" applyFill="1" applyBorder="1" applyAlignment="1">
      <alignment vertical="center"/>
    </xf>
    <xf numFmtId="0" fontId="1" fillId="0" borderId="27" xfId="0" applyNumberFormat="1" applyFont="1" applyFill="1" applyBorder="1" applyAlignment="1">
      <alignment vertical="center" wrapText="1"/>
    </xf>
    <xf numFmtId="0" fontId="1" fillId="0" borderId="43" xfId="0" applyNumberFormat="1" applyFont="1" applyFill="1" applyBorder="1" applyAlignment="1">
      <alignment horizontal="distributed" vertical="center" justifyLastLine="1"/>
    </xf>
    <xf numFmtId="176" fontId="1" fillId="0" borderId="44" xfId="0" applyNumberFormat="1" applyFont="1" applyFill="1" applyBorder="1" applyAlignment="1" applyProtection="1">
      <alignment vertical="center"/>
      <protection locked="0" hidden="1"/>
    </xf>
    <xf numFmtId="176" fontId="3" fillId="4" borderId="45" xfId="0" applyNumberFormat="1" applyFont="1" applyFill="1" applyBorder="1" applyAlignment="1" applyProtection="1">
      <alignment vertical="center"/>
      <protection locked="0" hidden="1"/>
    </xf>
    <xf numFmtId="176" fontId="1" fillId="0" borderId="46" xfId="0" applyNumberFormat="1" applyFont="1" applyFill="1" applyBorder="1" applyAlignment="1" applyProtection="1">
      <alignment vertical="center"/>
      <protection locked="0" hidden="1"/>
    </xf>
    <xf numFmtId="176" fontId="1" fillId="0" borderId="47" xfId="0" applyNumberFormat="1" applyFont="1" applyFill="1" applyBorder="1" applyAlignment="1" applyProtection="1">
      <alignment vertical="center"/>
      <protection locked="0" hidden="1"/>
    </xf>
    <xf numFmtId="176" fontId="1" fillId="0" borderId="43" xfId="0" applyNumberFormat="1" applyFont="1" applyFill="1" applyBorder="1" applyAlignment="1" applyProtection="1">
      <alignment vertical="center"/>
      <protection locked="0" hidden="1"/>
    </xf>
    <xf numFmtId="176" fontId="3" fillId="4" borderId="45" xfId="0" applyNumberFormat="1" applyFont="1" applyFill="1" applyBorder="1" applyAlignment="1">
      <alignment vertical="center"/>
    </xf>
    <xf numFmtId="176" fontId="1" fillId="0" borderId="48" xfId="0" applyNumberFormat="1" applyFont="1" applyFill="1" applyBorder="1" applyAlignment="1" applyProtection="1">
      <alignment vertical="center"/>
      <protection locked="0" hidden="1"/>
    </xf>
    <xf numFmtId="0" fontId="1" fillId="0" borderId="0" xfId="0" applyFont="1" applyFill="1" applyAlignment="1">
      <alignment vertical="center"/>
    </xf>
    <xf numFmtId="0" fontId="1" fillId="0" borderId="28" xfId="0" applyNumberFormat="1" applyFont="1" applyFill="1" applyBorder="1" applyAlignment="1">
      <alignment horizontal="distributed" vertical="center" justifyLastLine="1"/>
    </xf>
    <xf numFmtId="176" fontId="1" fillId="0" borderId="29" xfId="0" applyNumberFormat="1" applyFont="1" applyFill="1" applyBorder="1" applyAlignment="1" applyProtection="1">
      <alignment vertical="center"/>
      <protection locked="0" hidden="1"/>
    </xf>
    <xf numFmtId="176" fontId="3" fillId="4" borderId="30" xfId="0" applyNumberFormat="1" applyFont="1" applyFill="1" applyBorder="1" applyAlignment="1" applyProtection="1">
      <alignment vertical="center"/>
      <protection hidden="1"/>
    </xf>
    <xf numFmtId="176" fontId="1" fillId="0" borderId="31" xfId="0" applyNumberFormat="1" applyFont="1" applyFill="1" applyBorder="1" applyAlignment="1" applyProtection="1">
      <alignment vertical="center"/>
      <protection locked="0" hidden="1"/>
    </xf>
    <xf numFmtId="176" fontId="1" fillId="0" borderId="32" xfId="0" applyNumberFormat="1" applyFont="1" applyFill="1" applyBorder="1" applyAlignment="1" applyProtection="1">
      <alignment vertical="center"/>
      <protection locked="0" hidden="1"/>
    </xf>
    <xf numFmtId="176" fontId="1" fillId="0" borderId="28" xfId="0" applyNumberFormat="1" applyFont="1" applyFill="1" applyBorder="1" applyAlignment="1" applyProtection="1">
      <alignment vertical="center"/>
      <protection locked="0" hidden="1"/>
    </xf>
    <xf numFmtId="176" fontId="1" fillId="0" borderId="34" xfId="0" applyNumberFormat="1" applyFont="1" applyFill="1" applyBorder="1" applyAlignment="1" applyProtection="1">
      <alignment vertical="center"/>
      <protection locked="0" hidden="1"/>
    </xf>
    <xf numFmtId="0" fontId="1" fillId="0" borderId="49" xfId="0" applyNumberFormat="1" applyFont="1" applyFill="1" applyBorder="1" applyAlignment="1">
      <alignment vertical="center" wrapText="1"/>
    </xf>
    <xf numFmtId="0" fontId="1" fillId="0" borderId="50" xfId="0" applyNumberFormat="1" applyFont="1" applyFill="1" applyBorder="1" applyAlignment="1">
      <alignment horizontal="distributed" vertical="center" justifyLastLine="1"/>
    </xf>
    <xf numFmtId="176" fontId="1" fillId="4" borderId="51" xfId="0" applyNumberFormat="1" applyFont="1" applyFill="1" applyBorder="1" applyAlignment="1">
      <alignment vertical="center"/>
    </xf>
    <xf numFmtId="176" fontId="3" fillId="4" borderId="52" xfId="0" applyNumberFormat="1" applyFont="1" applyFill="1" applyBorder="1" applyAlignment="1">
      <alignment vertical="center"/>
    </xf>
    <xf numFmtId="176" fontId="1" fillId="4" borderId="53" xfId="0" applyNumberFormat="1" applyFont="1" applyFill="1" applyBorder="1" applyAlignment="1">
      <alignment vertical="center"/>
    </xf>
    <xf numFmtId="176" fontId="1" fillId="4" borderId="54" xfId="0" applyNumberFormat="1" applyFont="1" applyFill="1" applyBorder="1" applyAlignment="1">
      <alignment vertical="center"/>
    </xf>
    <xf numFmtId="176" fontId="1" fillId="4" borderId="55" xfId="0" applyNumberFormat="1" applyFont="1" applyFill="1" applyBorder="1" applyAlignment="1">
      <alignment vertical="center"/>
    </xf>
    <xf numFmtId="0" fontId="1" fillId="0" borderId="56" xfId="0" applyNumberFormat="1" applyFont="1" applyFill="1" applyBorder="1" applyAlignment="1">
      <alignment vertical="center" wrapText="1"/>
    </xf>
    <xf numFmtId="0" fontId="1" fillId="2" borderId="57" xfId="0" applyNumberFormat="1" applyFont="1" applyFill="1" applyBorder="1" applyAlignment="1">
      <alignment horizontal="distributed" vertical="center" justifyLastLine="1"/>
    </xf>
    <xf numFmtId="176" fontId="1" fillId="0" borderId="58" xfId="0" applyNumberFormat="1" applyFont="1" applyFill="1" applyBorder="1" applyAlignment="1" applyProtection="1">
      <alignment vertical="center"/>
      <protection locked="0" hidden="1"/>
    </xf>
    <xf numFmtId="176" fontId="3" fillId="4" borderId="59" xfId="0" applyNumberFormat="1" applyFont="1" applyFill="1" applyBorder="1" applyAlignment="1" applyProtection="1">
      <alignment vertical="center"/>
      <protection hidden="1"/>
    </xf>
    <xf numFmtId="176" fontId="1" fillId="0" borderId="60" xfId="0" applyNumberFormat="1" applyFont="1" applyFill="1" applyBorder="1" applyAlignment="1" applyProtection="1">
      <alignment vertical="center"/>
      <protection locked="0" hidden="1"/>
    </xf>
    <xf numFmtId="176" fontId="1" fillId="0" borderId="61" xfId="0" applyNumberFormat="1" applyFont="1" applyFill="1" applyBorder="1" applyAlignment="1" applyProtection="1">
      <alignment vertical="center"/>
      <protection locked="0" hidden="1"/>
    </xf>
    <xf numFmtId="176" fontId="1" fillId="0" borderId="57" xfId="0" applyNumberFormat="1" applyFont="1" applyFill="1" applyBorder="1" applyAlignment="1" applyProtection="1">
      <alignment vertical="center"/>
      <protection locked="0" hidden="1"/>
    </xf>
    <xf numFmtId="176" fontId="1" fillId="0" borderId="62" xfId="0" applyNumberFormat="1" applyFont="1" applyFill="1" applyBorder="1" applyAlignment="1" applyProtection="1">
      <alignment vertical="center"/>
      <protection locked="0" hidden="1"/>
    </xf>
    <xf numFmtId="176" fontId="3" fillId="4" borderId="63" xfId="0" applyNumberFormat="1" applyFont="1" applyFill="1" applyBorder="1" applyAlignment="1" applyProtection="1">
      <alignment vertical="center"/>
      <protection hidden="1"/>
    </xf>
    <xf numFmtId="0" fontId="1" fillId="2" borderId="28" xfId="0" applyNumberFormat="1" applyFont="1" applyFill="1" applyBorder="1" applyAlignment="1">
      <alignment horizontal="distributed" vertical="center" justifyLastLine="1"/>
    </xf>
    <xf numFmtId="0" fontId="1" fillId="2" borderId="50" xfId="0" applyNumberFormat="1" applyFont="1" applyFill="1" applyBorder="1" applyAlignment="1">
      <alignment horizontal="distributed" vertical="center" justifyLastLine="1"/>
    </xf>
    <xf numFmtId="176" fontId="1" fillId="4" borderId="64" xfId="0" applyNumberFormat="1" applyFont="1" applyFill="1" applyBorder="1" applyAlignment="1">
      <alignment vertical="center"/>
    </xf>
    <xf numFmtId="176" fontId="3" fillId="4" borderId="45" xfId="0" applyNumberFormat="1" applyFont="1" applyFill="1" applyBorder="1" applyAlignment="1" applyProtection="1">
      <alignment vertical="center"/>
      <protection hidden="1"/>
    </xf>
    <xf numFmtId="0" fontId="1" fillId="0" borderId="57" xfId="0" applyNumberFormat="1" applyFont="1" applyFill="1" applyBorder="1" applyAlignment="1">
      <alignment horizontal="distributed" vertical="center" justifyLastLine="1"/>
    </xf>
    <xf numFmtId="176" fontId="3" fillId="4" borderId="65" xfId="0" applyNumberFormat="1" applyFont="1" applyFill="1" applyBorder="1" applyAlignment="1">
      <alignment vertical="center"/>
    </xf>
    <xf numFmtId="176" fontId="3" fillId="4" borderId="59" xfId="0" applyNumberFormat="1" applyFont="1" applyFill="1" applyBorder="1" applyAlignment="1">
      <alignment vertical="center"/>
    </xf>
    <xf numFmtId="176" fontId="3" fillId="4" borderId="66" xfId="0" applyNumberFormat="1" applyFont="1" applyFill="1" applyBorder="1" applyAlignment="1">
      <alignment vertical="center"/>
    </xf>
    <xf numFmtId="0" fontId="1" fillId="2" borderId="56" xfId="0" applyNumberFormat="1" applyFont="1" applyFill="1" applyBorder="1" applyAlignment="1">
      <alignment vertical="center" wrapText="1"/>
    </xf>
    <xf numFmtId="176" fontId="1" fillId="2" borderId="58" xfId="0" applyNumberFormat="1" applyFont="1" applyFill="1" applyBorder="1" applyAlignment="1" applyProtection="1">
      <alignment vertical="center"/>
      <protection locked="0" hidden="1"/>
    </xf>
    <xf numFmtId="176" fontId="1" fillId="2" borderId="60" xfId="0" applyNumberFormat="1" applyFont="1" applyFill="1" applyBorder="1" applyAlignment="1" applyProtection="1">
      <alignment vertical="center"/>
      <protection locked="0" hidden="1"/>
    </xf>
    <xf numFmtId="1" fontId="1" fillId="2" borderId="61" xfId="0" applyNumberFormat="1" applyFont="1" applyFill="1" applyBorder="1" applyAlignment="1" applyProtection="1">
      <alignment vertical="center"/>
      <protection locked="0" hidden="1"/>
    </xf>
    <xf numFmtId="176" fontId="1" fillId="2" borderId="61" xfId="0" applyNumberFormat="1" applyFont="1" applyFill="1" applyBorder="1" applyAlignment="1" applyProtection="1">
      <alignment vertical="center"/>
      <protection locked="0" hidden="1"/>
    </xf>
    <xf numFmtId="176" fontId="1" fillId="2" borderId="67" xfId="0" applyNumberFormat="1" applyFont="1" applyFill="1" applyBorder="1" applyAlignment="1" applyProtection="1">
      <alignment vertical="center"/>
      <protection locked="0" hidden="1"/>
    </xf>
    <xf numFmtId="176" fontId="1" fillId="2" borderId="62" xfId="0" applyNumberFormat="1" applyFont="1" applyFill="1" applyBorder="1" applyAlignment="1" applyProtection="1">
      <alignment vertical="center"/>
      <protection locked="0" hidden="1"/>
    </xf>
    <xf numFmtId="1" fontId="1" fillId="2" borderId="60" xfId="0" applyNumberFormat="1" applyFont="1" applyFill="1" applyBorder="1" applyAlignment="1" applyProtection="1">
      <alignment vertical="center"/>
      <protection locked="0" hidden="1"/>
    </xf>
    <xf numFmtId="176" fontId="1" fillId="2" borderId="57" xfId="0" applyNumberFormat="1" applyFont="1" applyFill="1" applyBorder="1" applyAlignment="1" applyProtection="1">
      <alignment vertical="center"/>
      <protection locked="0" hidden="1"/>
    </xf>
    <xf numFmtId="0" fontId="1" fillId="2" borderId="27" xfId="0" applyNumberFormat="1" applyFont="1" applyFill="1" applyBorder="1" applyAlignment="1">
      <alignment vertical="center" wrapText="1"/>
    </xf>
    <xf numFmtId="176" fontId="1" fillId="2" borderId="29" xfId="0" applyNumberFormat="1" applyFont="1" applyFill="1" applyBorder="1" applyAlignment="1" applyProtection="1">
      <alignment vertical="center"/>
      <protection locked="0" hidden="1"/>
    </xf>
    <xf numFmtId="176" fontId="1" fillId="2" borderId="31" xfId="0" applyNumberFormat="1" applyFont="1" applyFill="1" applyBorder="1" applyAlignment="1" applyProtection="1">
      <alignment vertical="center"/>
      <protection locked="0" hidden="1"/>
    </xf>
    <xf numFmtId="1" fontId="1" fillId="2" borderId="32" xfId="0" applyNumberFormat="1" applyFont="1" applyFill="1" applyBorder="1" applyAlignment="1" applyProtection="1">
      <alignment vertical="center"/>
      <protection locked="0" hidden="1"/>
    </xf>
    <xf numFmtId="176" fontId="1" fillId="2" borderId="32" xfId="0" applyNumberFormat="1" applyFont="1" applyFill="1" applyBorder="1" applyAlignment="1" applyProtection="1">
      <alignment vertical="center"/>
      <protection locked="0" hidden="1"/>
    </xf>
    <xf numFmtId="176" fontId="1" fillId="2" borderId="28" xfId="0" applyNumberFormat="1" applyFont="1" applyFill="1" applyBorder="1" applyAlignment="1" applyProtection="1">
      <alignment vertical="center"/>
      <protection locked="0" hidden="1"/>
    </xf>
    <xf numFmtId="1" fontId="1" fillId="2" borderId="34" xfId="0" applyNumberFormat="1" applyFont="1" applyFill="1" applyBorder="1" applyAlignment="1" applyProtection="1">
      <alignment vertical="center"/>
      <protection locked="0" hidden="1"/>
    </xf>
    <xf numFmtId="1" fontId="1" fillId="2" borderId="31" xfId="0" applyNumberFormat="1" applyFont="1" applyFill="1" applyBorder="1" applyAlignment="1" applyProtection="1">
      <alignment vertical="center"/>
      <protection locked="0" hidden="1"/>
    </xf>
    <xf numFmtId="0" fontId="1" fillId="2" borderId="68" xfId="0" applyNumberFormat="1" applyFont="1" applyFill="1" applyBorder="1" applyAlignment="1">
      <alignment vertical="center" wrapText="1"/>
    </xf>
    <xf numFmtId="0" fontId="1" fillId="2" borderId="69" xfId="0" applyNumberFormat="1" applyFont="1" applyFill="1" applyBorder="1" applyAlignment="1">
      <alignment horizontal="distributed" vertical="center" justifyLastLine="1"/>
    </xf>
    <xf numFmtId="176" fontId="1" fillId="4" borderId="70" xfId="0" applyNumberFormat="1" applyFont="1" applyFill="1" applyBorder="1" applyAlignment="1">
      <alignment vertical="center"/>
    </xf>
    <xf numFmtId="176" fontId="3" fillId="4" borderId="71" xfId="0" applyNumberFormat="1" applyFont="1" applyFill="1" applyBorder="1" applyAlignment="1">
      <alignment vertical="center"/>
    </xf>
    <xf numFmtId="176" fontId="1" fillId="4" borderId="72" xfId="0" applyNumberFormat="1" applyFont="1" applyFill="1" applyBorder="1" applyAlignment="1">
      <alignment vertical="center"/>
    </xf>
    <xf numFmtId="1" fontId="1" fillId="4" borderId="73" xfId="0" applyNumberFormat="1" applyFont="1" applyFill="1" applyBorder="1" applyAlignment="1">
      <alignment vertical="center"/>
    </xf>
    <xf numFmtId="176" fontId="1" fillId="4" borderId="73" xfId="0" applyNumberFormat="1" applyFont="1" applyFill="1" applyBorder="1" applyAlignment="1">
      <alignment vertical="center"/>
    </xf>
    <xf numFmtId="176" fontId="1" fillId="4" borderId="74" xfId="0" applyNumberFormat="1" applyFont="1" applyFill="1" applyBorder="1" applyAlignment="1">
      <alignment vertical="center"/>
    </xf>
    <xf numFmtId="1" fontId="1" fillId="4" borderId="72" xfId="0" applyNumberFormat="1" applyFont="1" applyFill="1" applyBorder="1" applyAlignment="1">
      <alignment vertical="center"/>
    </xf>
    <xf numFmtId="176" fontId="1" fillId="2" borderId="4" xfId="0" applyNumberFormat="1" applyFont="1" applyFill="1" applyBorder="1" applyAlignment="1">
      <alignment vertical="center"/>
    </xf>
    <xf numFmtId="176" fontId="1" fillId="2" borderId="0" xfId="0" applyNumberFormat="1" applyFont="1" applyFill="1" applyAlignment="1">
      <alignment vertical="center"/>
    </xf>
    <xf numFmtId="1" fontId="1" fillId="2" borderId="0" xfId="0" applyNumberFormat="1" applyFont="1" applyFill="1" applyAlignment="1">
      <alignment vertical="center"/>
    </xf>
    <xf numFmtId="3" fontId="1" fillId="2" borderId="0" xfId="0" applyNumberFormat="1" applyFont="1" applyFill="1" applyAlignment="1">
      <alignment vertical="center"/>
    </xf>
    <xf numFmtId="3" fontId="1" fillId="2" borderId="0" xfId="0" applyNumberFormat="1" applyFont="1" applyFill="1" applyAlignment="1">
      <alignment horizontal="distributed" vertical="center" justifyLastLine="1"/>
    </xf>
    <xf numFmtId="0" fontId="1" fillId="2" borderId="0" xfId="0" applyFont="1" applyFill="1" applyAlignment="1">
      <alignment horizontal="distributed" vertical="center" justifyLastLine="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2.xml"/><Relationship Id="rId7" Type="http://schemas.openxmlformats.org/officeDocument/2006/relationships/styles" Target="style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4.xml"/><Relationship Id="rId4" Type="http://schemas.openxmlformats.org/officeDocument/2006/relationships/externalLink" Target="externalLinks/externalLink3.xml"/><Relationship Id="rId9" Type="http://schemas.openxmlformats.org/officeDocument/2006/relationships/calcChain" Target="calcChain.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kfs01\s1504\02_&#20581;&#24247;&#12389;&#12367;&#12426;&#65319;\95_&#31119;&#31049;&#32113;&#35336;&#65288;R4&#12363;&#12425;&#12383;&#12400;&#12371;&#23550;&#31574;G&#25152;&#31649;&#65289;\R5\07_HP\05\05_&#12304;&#20196;&#21644;4&#24180;&#24230;&#29256;&#12305;&#38556;&#23475;&#20816;&#32773;&#31119;&#31049;.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hiho159803\&#20849;&#26377;\&#20445;&#20581;&#31119;&#31049;&#24773;&#22577;&#29677;\&#31038;&#20250;&#31119;&#31049;&#32113;&#35336;&#31561;\&#30740;&#20462;&#21729;&#12501;&#12457;&#12523;&#12480;\18&#24180;&#24230;&#20998;&#25285;&#20107;&#21209;\&#20874;&#23376;&#38306;&#20418;\H18&#31119;&#31049;&#32113;&#35336;(H17&#20998;)\&#38556;&#23475;&#31119;&#31049;&#35506;\05&#32113;&#35336;\17&#24180;&#24230;\H17&#30693;&#30340;&#38556;&#23475;&#32773;&#65288;&#38598;&#35336;&#12522;&#12531;&#12463;&#65289;.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hiho159803\&#20849;&#26377;\My%20Documents\07&#31572;&#24321;\02&#32113;&#35336;\2-1-5&#37325;&#24515;&#33258;&#38281;.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L6x4kyuc99s0\&#22823;&#33251;&#23448;&#25151;&#32113;&#35336;&#24773;&#22577;&#37096;&#31038;&#20250;&#32113;&#35336;&#35506;\ktq\&#31119;&#31049;&#65299;&#65288;&#31038;&#20250;&#31119;&#31049;&#32113;&#35336;&#31532;&#65299;&#20418;&#65289;\h17&#12456;&#12463;&#12475;&#12523;&#12471;&#12540;&#12488;\13.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5障害児者福祉　目次"/>
      <sheetName val="5ｰ1"/>
      <sheetName val="5ｰ2"/>
      <sheetName val="5-3"/>
      <sheetName val="5-4"/>
      <sheetName val="5-5"/>
      <sheetName val="5-6"/>
      <sheetName val="5-7"/>
      <sheetName val="5-8"/>
      <sheetName val="5-9"/>
      <sheetName val="5-10"/>
      <sheetName val="5-11"/>
      <sheetName val="5-13"/>
      <sheetName val="5-14"/>
      <sheetName val="5-15"/>
      <sheetName val="5-16"/>
      <sheetName val="5-17"/>
      <sheetName val="5-18"/>
      <sheetName val="5-19"/>
      <sheetName val="5-20"/>
      <sheetName val="5-21"/>
      <sheetName val="5-22"/>
      <sheetName val="5-23"/>
    </sheetNames>
    <sheetDataSet>
      <sheetData sheetId="0" refreshError="1"/>
      <sheetData sheetId="1" refreshError="1"/>
      <sheetData sheetId="2"/>
      <sheetData sheetId="3"/>
      <sheetData sheetId="4"/>
      <sheetData sheetId="5" refreshError="1"/>
      <sheetData sheetId="6"/>
      <sheetData sheetId="7"/>
      <sheetData sheetId="8"/>
      <sheetData sheetId="9"/>
      <sheetData sheetId="10"/>
      <sheetData sheetId="11"/>
      <sheetData sheetId="12"/>
      <sheetData sheetId="13"/>
      <sheetData sheetId="14"/>
      <sheetData sheetId="15"/>
      <sheetData sheetId="16"/>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知的障害者把握数（基礎データ入力ファイル）"/>
      <sheetName val="2-(1)-1"/>
      <sheetName val="重心自閉2-(1)-2"/>
      <sheetName val="推移表2-（1）-3"/>
      <sheetName val="部長答弁"/>
      <sheetName val="作業用親の会"/>
      <sheetName val="福祉行政の概要（知的）"/>
      <sheetName val="5ｰ1（児）表(福祉統計)"/>
      <sheetName val="5ｰ2（重心）表 (福祉統計)"/>
      <sheetName val="5ｰ3（者）表 (福祉統計) "/>
      <sheetName val="厚生労働調査"/>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重心自閉(H11)"/>
      <sheetName val="重心自閉(H12) "/>
      <sheetName val="重心自閉(H13)"/>
      <sheetName val="重心自閉(H14)"/>
      <sheetName val="作業用親の会"/>
    </sheetNames>
    <sheetDataSet>
      <sheetData sheetId="0" refreshError="1"/>
      <sheetData sheetId="1" refreshError="1"/>
      <sheetData sheetId="2" refreshError="1"/>
      <sheetData sheetId="3" refreshError="1"/>
      <sheetData sheetId="4"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13表"/>
      <sheetName val="130"/>
      <sheetName val="都道府県・指定都市・中核市"/>
    </sheetNames>
    <sheetDataSet>
      <sheetData sheetId="0">
        <row r="13">
          <cell r="E13">
            <v>0</v>
          </cell>
          <cell r="F13">
            <v>0</v>
          </cell>
          <cell r="G13">
            <v>4</v>
          </cell>
          <cell r="H13">
            <v>0</v>
          </cell>
          <cell r="I13">
            <v>0</v>
          </cell>
          <cell r="J13">
            <v>0</v>
          </cell>
        </row>
        <row r="14">
          <cell r="E14">
            <v>0</v>
          </cell>
          <cell r="F14">
            <v>4</v>
          </cell>
          <cell r="G14">
            <v>4</v>
          </cell>
          <cell r="H14">
            <v>0</v>
          </cell>
          <cell r="I14">
            <v>0</v>
          </cell>
          <cell r="J14">
            <v>0</v>
          </cell>
        </row>
        <row r="15">
          <cell r="E15">
            <v>0</v>
          </cell>
          <cell r="F15">
            <v>0</v>
          </cell>
          <cell r="G15">
            <v>4</v>
          </cell>
          <cell r="H15">
            <v>0</v>
          </cell>
          <cell r="I15">
            <v>0</v>
          </cell>
          <cell r="J15">
            <v>0</v>
          </cell>
        </row>
        <row r="16">
          <cell r="E16">
            <v>0</v>
          </cell>
          <cell r="F16">
            <v>0</v>
          </cell>
          <cell r="G16">
            <v>4</v>
          </cell>
          <cell r="H16">
            <v>0</v>
          </cell>
          <cell r="I16">
            <v>0</v>
          </cell>
          <cell r="J16">
            <v>0</v>
          </cell>
        </row>
        <row r="17">
          <cell r="E17">
            <v>0</v>
          </cell>
          <cell r="F17">
            <v>0</v>
          </cell>
          <cell r="G17">
            <v>4</v>
          </cell>
          <cell r="H17">
            <v>0</v>
          </cell>
          <cell r="I17">
            <v>0</v>
          </cell>
          <cell r="J17">
            <v>0</v>
          </cell>
        </row>
        <row r="18">
          <cell r="E18">
            <v>0</v>
          </cell>
          <cell r="F18">
            <v>0</v>
          </cell>
          <cell r="G18">
            <v>20</v>
          </cell>
          <cell r="H18">
            <v>0</v>
          </cell>
          <cell r="I18">
            <v>0</v>
          </cell>
          <cell r="J18">
            <v>0</v>
          </cell>
        </row>
      </sheetData>
      <sheetData sheetId="1"/>
      <sheetData sheetId="2"/>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C34"/>
  <sheetViews>
    <sheetView showGridLines="0" tabSelected="1" view="pageBreakPreview" zoomScaleNormal="85" zoomScaleSheetLayoutView="100" workbookViewId="0">
      <pane xSplit="2" ySplit="4" topLeftCell="C5" activePane="bottomRight" state="frozen"/>
      <selection activeCell="J19" sqref="J19"/>
      <selection pane="topRight" activeCell="J19" sqref="J19"/>
      <selection pane="bottomLeft" activeCell="J19" sqref="J19"/>
      <selection pane="bottomRight" activeCell="U1" sqref="U1"/>
    </sheetView>
  </sheetViews>
  <sheetFormatPr defaultColWidth="10" defaultRowHeight="17.399999999999999" x14ac:dyDescent="0.2"/>
  <cols>
    <col min="1" max="1" width="17.109375" style="5" customWidth="1"/>
    <col min="2" max="2" width="5.44140625" style="131" customWidth="1"/>
    <col min="3" max="3" width="9.21875" style="5" customWidth="1"/>
    <col min="4" max="4" width="10.21875" style="5" customWidth="1"/>
    <col min="5" max="21" width="9.21875" style="5" customWidth="1"/>
    <col min="22" max="16384" width="10" style="5"/>
  </cols>
  <sheetData>
    <row r="1" spans="1:29" ht="18" thickBot="1" x14ac:dyDescent="0.25">
      <c r="A1" s="1" t="s">
        <v>0</v>
      </c>
      <c r="B1" s="1"/>
      <c r="C1" s="1"/>
      <c r="D1" s="2"/>
      <c r="E1" s="1"/>
      <c r="F1" s="3"/>
      <c r="G1" s="3"/>
      <c r="H1" s="3"/>
      <c r="I1" s="2"/>
      <c r="J1" s="2"/>
      <c r="K1" s="2"/>
      <c r="L1" s="2"/>
      <c r="M1" s="2"/>
      <c r="N1" s="2"/>
      <c r="O1" s="2"/>
      <c r="P1" s="2"/>
      <c r="Q1" s="2"/>
      <c r="R1" s="4"/>
      <c r="S1" s="2"/>
      <c r="T1" s="2"/>
      <c r="U1" s="4" t="s">
        <v>1</v>
      </c>
    </row>
    <row r="2" spans="1:29" s="13" customFormat="1" ht="18.75" customHeight="1" x14ac:dyDescent="0.2">
      <c r="A2" s="6" t="s">
        <v>2</v>
      </c>
      <c r="B2" s="7"/>
      <c r="C2" s="8" t="s">
        <v>3</v>
      </c>
      <c r="D2" s="9" t="s">
        <v>4</v>
      </c>
      <c r="E2" s="10"/>
      <c r="F2" s="10"/>
      <c r="G2" s="10"/>
      <c r="H2" s="10"/>
      <c r="I2" s="10"/>
      <c r="J2" s="10"/>
      <c r="K2" s="10"/>
      <c r="L2" s="11"/>
      <c r="M2" s="9" t="s">
        <v>5</v>
      </c>
      <c r="N2" s="10"/>
      <c r="O2" s="10"/>
      <c r="P2" s="10"/>
      <c r="Q2" s="11"/>
      <c r="R2" s="9" t="s">
        <v>6</v>
      </c>
      <c r="S2" s="10"/>
      <c r="T2" s="10"/>
      <c r="U2" s="11"/>
      <c r="V2" s="12"/>
      <c r="W2" s="12"/>
      <c r="X2" s="12"/>
      <c r="Y2" s="12"/>
      <c r="Z2" s="12"/>
      <c r="AA2" s="12"/>
      <c r="AB2" s="12"/>
      <c r="AC2" s="12"/>
    </row>
    <row r="3" spans="1:29" ht="34.799999999999997" x14ac:dyDescent="0.2">
      <c r="A3" s="14"/>
      <c r="B3" s="15"/>
      <c r="C3" s="16"/>
      <c r="D3" s="17" t="s">
        <v>7</v>
      </c>
      <c r="E3" s="18" t="s">
        <v>8</v>
      </c>
      <c r="F3" s="19" t="s">
        <v>9</v>
      </c>
      <c r="G3" s="19" t="s">
        <v>10</v>
      </c>
      <c r="H3" s="19" t="s">
        <v>11</v>
      </c>
      <c r="I3" s="19" t="s">
        <v>12</v>
      </c>
      <c r="J3" s="19" t="s">
        <v>13</v>
      </c>
      <c r="K3" s="19" t="s">
        <v>14</v>
      </c>
      <c r="L3" s="20" t="s">
        <v>15</v>
      </c>
      <c r="M3" s="17" t="s">
        <v>7</v>
      </c>
      <c r="N3" s="18" t="s">
        <v>16</v>
      </c>
      <c r="O3" s="19" t="s">
        <v>17</v>
      </c>
      <c r="P3" s="19" t="s">
        <v>18</v>
      </c>
      <c r="Q3" s="21" t="s">
        <v>19</v>
      </c>
      <c r="R3" s="17" t="s">
        <v>7</v>
      </c>
      <c r="S3" s="18" t="s">
        <v>20</v>
      </c>
      <c r="T3" s="19" t="s">
        <v>14</v>
      </c>
      <c r="U3" s="20" t="s">
        <v>15</v>
      </c>
      <c r="V3" s="22"/>
      <c r="W3" s="22"/>
      <c r="X3" s="22"/>
      <c r="Y3" s="22"/>
      <c r="Z3" s="22"/>
      <c r="AA3" s="22"/>
      <c r="AB3" s="22"/>
      <c r="AC3" s="22"/>
    </row>
    <row r="4" spans="1:29" s="30" customFormat="1" ht="18" thickBot="1" x14ac:dyDescent="0.25">
      <c r="A4" s="23"/>
      <c r="B4" s="24"/>
      <c r="C4" s="25">
        <v>1</v>
      </c>
      <c r="D4" s="26">
        <v>2</v>
      </c>
      <c r="E4" s="27">
        <v>3</v>
      </c>
      <c r="F4" s="27">
        <v>4</v>
      </c>
      <c r="G4" s="27">
        <v>5</v>
      </c>
      <c r="H4" s="27">
        <v>6</v>
      </c>
      <c r="I4" s="27">
        <v>7</v>
      </c>
      <c r="J4" s="27">
        <v>8</v>
      </c>
      <c r="K4" s="27">
        <v>9</v>
      </c>
      <c r="L4" s="28">
        <v>10</v>
      </c>
      <c r="M4" s="26">
        <v>11</v>
      </c>
      <c r="N4" s="27">
        <v>12</v>
      </c>
      <c r="O4" s="27">
        <v>13</v>
      </c>
      <c r="P4" s="27">
        <v>14</v>
      </c>
      <c r="Q4" s="25">
        <v>15</v>
      </c>
      <c r="R4" s="26">
        <v>16</v>
      </c>
      <c r="S4" s="27">
        <v>17</v>
      </c>
      <c r="T4" s="27">
        <v>18</v>
      </c>
      <c r="U4" s="28">
        <v>19</v>
      </c>
      <c r="V4" s="29"/>
      <c r="W4" s="29"/>
      <c r="X4" s="29"/>
      <c r="Y4" s="29"/>
      <c r="Z4" s="29"/>
      <c r="AA4" s="29"/>
      <c r="AB4" s="29"/>
      <c r="AC4" s="29"/>
    </row>
    <row r="5" spans="1:29" x14ac:dyDescent="0.2">
      <c r="A5" s="31" t="s">
        <v>21</v>
      </c>
      <c r="B5" s="32" t="s">
        <v>22</v>
      </c>
      <c r="C5" s="33">
        <f t="shared" ref="C5:U7" si="0">SUM(C8,C11,C14,C17)</f>
        <v>2363</v>
      </c>
      <c r="D5" s="34">
        <f t="shared" si="0"/>
        <v>7164</v>
      </c>
      <c r="E5" s="35">
        <f t="shared" si="0"/>
        <v>998</v>
      </c>
      <c r="F5" s="36">
        <f t="shared" si="0"/>
        <v>0</v>
      </c>
      <c r="G5" s="36">
        <f t="shared" si="0"/>
        <v>278</v>
      </c>
      <c r="H5" s="36">
        <f t="shared" si="0"/>
        <v>862</v>
      </c>
      <c r="I5" s="36">
        <f t="shared" si="0"/>
        <v>235</v>
      </c>
      <c r="J5" s="36">
        <f t="shared" si="0"/>
        <v>42</v>
      </c>
      <c r="K5" s="36">
        <f t="shared" si="0"/>
        <v>2404</v>
      </c>
      <c r="L5" s="37">
        <f t="shared" si="0"/>
        <v>2345</v>
      </c>
      <c r="M5" s="34">
        <f t="shared" si="0"/>
        <v>2810</v>
      </c>
      <c r="N5" s="38">
        <f t="shared" si="0"/>
        <v>311</v>
      </c>
      <c r="O5" s="39">
        <f t="shared" si="0"/>
        <v>1224</v>
      </c>
      <c r="P5" s="39">
        <f t="shared" si="0"/>
        <v>257</v>
      </c>
      <c r="Q5" s="39">
        <f t="shared" si="0"/>
        <v>1018</v>
      </c>
      <c r="R5" s="34">
        <f t="shared" si="0"/>
        <v>3980</v>
      </c>
      <c r="S5" s="35">
        <f t="shared" si="0"/>
        <v>8</v>
      </c>
      <c r="T5" s="38">
        <f t="shared" si="0"/>
        <v>2399</v>
      </c>
      <c r="U5" s="37">
        <f t="shared" si="0"/>
        <v>1573</v>
      </c>
      <c r="V5" s="40"/>
    </row>
    <row r="6" spans="1:29" x14ac:dyDescent="0.2">
      <c r="A6" s="41"/>
      <c r="B6" s="42" t="s">
        <v>23</v>
      </c>
      <c r="C6" s="43">
        <f t="shared" si="0"/>
        <v>719</v>
      </c>
      <c r="D6" s="44">
        <f t="shared" si="0"/>
        <v>2836</v>
      </c>
      <c r="E6" s="45">
        <f t="shared" si="0"/>
        <v>691</v>
      </c>
      <c r="F6" s="46">
        <f t="shared" si="0"/>
        <v>0</v>
      </c>
      <c r="G6" s="46">
        <f t="shared" si="0"/>
        <v>108</v>
      </c>
      <c r="H6" s="46">
        <f t="shared" si="0"/>
        <v>496</v>
      </c>
      <c r="I6" s="46">
        <f t="shared" si="0"/>
        <v>229</v>
      </c>
      <c r="J6" s="46">
        <f t="shared" si="0"/>
        <v>14</v>
      </c>
      <c r="K6" s="46">
        <f t="shared" si="0"/>
        <v>155</v>
      </c>
      <c r="L6" s="47">
        <f t="shared" si="0"/>
        <v>1143</v>
      </c>
      <c r="M6" s="44">
        <f t="shared" si="0"/>
        <v>89</v>
      </c>
      <c r="N6" s="48">
        <f t="shared" si="0"/>
        <v>8</v>
      </c>
      <c r="O6" s="49">
        <f t="shared" si="0"/>
        <v>72</v>
      </c>
      <c r="P6" s="49">
        <f t="shared" si="0"/>
        <v>9</v>
      </c>
      <c r="Q6" s="49">
        <f t="shared" si="0"/>
        <v>0</v>
      </c>
      <c r="R6" s="44">
        <f t="shared" si="0"/>
        <v>23</v>
      </c>
      <c r="S6" s="45">
        <f t="shared" si="0"/>
        <v>0</v>
      </c>
      <c r="T6" s="48">
        <f t="shared" si="0"/>
        <v>17</v>
      </c>
      <c r="U6" s="47">
        <f t="shared" si="0"/>
        <v>6</v>
      </c>
      <c r="V6" s="40"/>
    </row>
    <row r="7" spans="1:29" ht="18" thickBot="1" x14ac:dyDescent="0.25">
      <c r="A7" s="50"/>
      <c r="B7" s="51" t="s">
        <v>7</v>
      </c>
      <c r="C7" s="52">
        <f t="shared" si="0"/>
        <v>3082</v>
      </c>
      <c r="D7" s="53">
        <f t="shared" si="0"/>
        <v>10000</v>
      </c>
      <c r="E7" s="54">
        <f t="shared" si="0"/>
        <v>1689</v>
      </c>
      <c r="F7" s="55">
        <f t="shared" si="0"/>
        <v>0</v>
      </c>
      <c r="G7" s="55">
        <f t="shared" si="0"/>
        <v>386</v>
      </c>
      <c r="H7" s="55">
        <f t="shared" si="0"/>
        <v>1358</v>
      </c>
      <c r="I7" s="55">
        <f t="shared" si="0"/>
        <v>464</v>
      </c>
      <c r="J7" s="55">
        <f t="shared" si="0"/>
        <v>56</v>
      </c>
      <c r="K7" s="55">
        <f t="shared" si="0"/>
        <v>2559</v>
      </c>
      <c r="L7" s="56">
        <f t="shared" si="0"/>
        <v>3488</v>
      </c>
      <c r="M7" s="53">
        <f t="shared" si="0"/>
        <v>2899</v>
      </c>
      <c r="N7" s="57">
        <f t="shared" si="0"/>
        <v>319</v>
      </c>
      <c r="O7" s="58">
        <f t="shared" si="0"/>
        <v>1296</v>
      </c>
      <c r="P7" s="58">
        <f t="shared" si="0"/>
        <v>266</v>
      </c>
      <c r="Q7" s="58">
        <f t="shared" si="0"/>
        <v>1018</v>
      </c>
      <c r="R7" s="53">
        <f t="shared" si="0"/>
        <v>4003</v>
      </c>
      <c r="S7" s="54">
        <f t="shared" si="0"/>
        <v>8</v>
      </c>
      <c r="T7" s="57">
        <f t="shared" si="0"/>
        <v>2416</v>
      </c>
      <c r="U7" s="56">
        <f t="shared" si="0"/>
        <v>1579</v>
      </c>
      <c r="V7" s="40"/>
    </row>
    <row r="8" spans="1:29" s="68" customFormat="1" ht="18" thickTop="1" x14ac:dyDescent="0.2">
      <c r="A8" s="59" t="s">
        <v>24</v>
      </c>
      <c r="B8" s="60" t="s">
        <v>22</v>
      </c>
      <c r="C8" s="61">
        <v>1035</v>
      </c>
      <c r="D8" s="62">
        <f t="shared" ref="D8:D19" si="1">SUM(E8:L8)</f>
        <v>1639</v>
      </c>
      <c r="E8" s="63">
        <v>7</v>
      </c>
      <c r="F8" s="64">
        <v>0</v>
      </c>
      <c r="G8" s="64">
        <v>12</v>
      </c>
      <c r="H8" s="64">
        <v>141</v>
      </c>
      <c r="I8" s="64">
        <v>10</v>
      </c>
      <c r="J8" s="64">
        <v>0</v>
      </c>
      <c r="K8" s="64">
        <v>1084</v>
      </c>
      <c r="L8" s="65">
        <v>385</v>
      </c>
      <c r="M8" s="66">
        <f t="shared" ref="M8:M19" si="2">SUM(N8:Q8)</f>
        <v>1000</v>
      </c>
      <c r="N8" s="63">
        <v>83</v>
      </c>
      <c r="O8" s="64">
        <v>11</v>
      </c>
      <c r="P8" s="64">
        <v>11</v>
      </c>
      <c r="Q8" s="67">
        <v>895</v>
      </c>
      <c r="R8" s="66">
        <f>SUM(S8:U8)</f>
        <v>1936</v>
      </c>
      <c r="S8" s="63">
        <v>0</v>
      </c>
      <c r="T8" s="67">
        <v>1024</v>
      </c>
      <c r="U8" s="65">
        <v>912</v>
      </c>
    </row>
    <row r="9" spans="1:29" s="68" customFormat="1" x14ac:dyDescent="0.2">
      <c r="A9" s="59"/>
      <c r="B9" s="69" t="s">
        <v>23</v>
      </c>
      <c r="C9" s="70">
        <v>10</v>
      </c>
      <c r="D9" s="71">
        <f t="shared" si="1"/>
        <v>0</v>
      </c>
      <c r="E9" s="72">
        <v>0</v>
      </c>
      <c r="F9" s="73">
        <v>0</v>
      </c>
      <c r="G9" s="73">
        <v>0</v>
      </c>
      <c r="H9" s="73">
        <v>0</v>
      </c>
      <c r="I9" s="73">
        <v>0</v>
      </c>
      <c r="J9" s="73">
        <v>0</v>
      </c>
      <c r="K9" s="73">
        <v>0</v>
      </c>
      <c r="L9" s="74">
        <v>0</v>
      </c>
      <c r="M9" s="44">
        <f t="shared" si="2"/>
        <v>10</v>
      </c>
      <c r="N9" s="72">
        <v>0</v>
      </c>
      <c r="O9" s="73">
        <v>10</v>
      </c>
      <c r="P9" s="73">
        <v>0</v>
      </c>
      <c r="Q9" s="75">
        <v>0</v>
      </c>
      <c r="R9" s="66">
        <f>SUM(S9:U9)</f>
        <v>0</v>
      </c>
      <c r="S9" s="72">
        <v>0</v>
      </c>
      <c r="T9" s="73">
        <v>0</v>
      </c>
      <c r="U9" s="74">
        <v>0</v>
      </c>
    </row>
    <row r="10" spans="1:29" s="68" customFormat="1" x14ac:dyDescent="0.2">
      <c r="A10" s="76"/>
      <c r="B10" s="77" t="s">
        <v>7</v>
      </c>
      <c r="C10" s="78">
        <f>SUM(C8:C9)</f>
        <v>1045</v>
      </c>
      <c r="D10" s="79">
        <f t="shared" si="1"/>
        <v>1639</v>
      </c>
      <c r="E10" s="80">
        <f t="shared" ref="E10:L10" si="3">SUM(E8:E9)</f>
        <v>7</v>
      </c>
      <c r="F10" s="81">
        <f t="shared" si="3"/>
        <v>0</v>
      </c>
      <c r="G10" s="81">
        <f t="shared" si="3"/>
        <v>12</v>
      </c>
      <c r="H10" s="81">
        <f t="shared" si="3"/>
        <v>141</v>
      </c>
      <c r="I10" s="81">
        <f t="shared" si="3"/>
        <v>10</v>
      </c>
      <c r="J10" s="81">
        <f t="shared" si="3"/>
        <v>0</v>
      </c>
      <c r="K10" s="81">
        <f t="shared" si="3"/>
        <v>1084</v>
      </c>
      <c r="L10" s="82">
        <f t="shared" si="3"/>
        <v>385</v>
      </c>
      <c r="M10" s="79">
        <f t="shared" si="2"/>
        <v>1010</v>
      </c>
      <c r="N10" s="80">
        <f t="shared" ref="N10:U10" si="4">SUM(N8:N9)</f>
        <v>83</v>
      </c>
      <c r="O10" s="81">
        <f t="shared" si="4"/>
        <v>21</v>
      </c>
      <c r="P10" s="81">
        <f t="shared" si="4"/>
        <v>11</v>
      </c>
      <c r="Q10" s="81">
        <f t="shared" si="4"/>
        <v>895</v>
      </c>
      <c r="R10" s="66">
        <f>SUM(R8:R9)</f>
        <v>1936</v>
      </c>
      <c r="S10" s="80">
        <f t="shared" si="4"/>
        <v>0</v>
      </c>
      <c r="T10" s="81">
        <f t="shared" si="4"/>
        <v>1024</v>
      </c>
      <c r="U10" s="82">
        <f t="shared" si="4"/>
        <v>912</v>
      </c>
    </row>
    <row r="11" spans="1:29" s="68" customFormat="1" x14ac:dyDescent="0.2">
      <c r="A11" s="83" t="s">
        <v>25</v>
      </c>
      <c r="B11" s="84" t="s">
        <v>22</v>
      </c>
      <c r="C11" s="85">
        <v>326</v>
      </c>
      <c r="D11" s="86">
        <f t="shared" si="1"/>
        <v>4410</v>
      </c>
      <c r="E11" s="87">
        <v>991</v>
      </c>
      <c r="F11" s="88">
        <v>0</v>
      </c>
      <c r="G11" s="88">
        <v>230</v>
      </c>
      <c r="H11" s="88">
        <v>721</v>
      </c>
      <c r="I11" s="88">
        <v>198</v>
      </c>
      <c r="J11" s="88">
        <v>42</v>
      </c>
      <c r="K11" s="88">
        <v>318</v>
      </c>
      <c r="L11" s="89">
        <v>1910</v>
      </c>
      <c r="M11" s="86">
        <f t="shared" si="2"/>
        <v>660</v>
      </c>
      <c r="N11" s="87">
        <v>191</v>
      </c>
      <c r="O11" s="88">
        <v>260</v>
      </c>
      <c r="P11" s="88">
        <v>209</v>
      </c>
      <c r="Q11" s="90">
        <v>0</v>
      </c>
      <c r="R11" s="91">
        <f>SUM(S11:U11)</f>
        <v>325</v>
      </c>
      <c r="S11" s="87">
        <v>0</v>
      </c>
      <c r="T11" s="88">
        <v>325</v>
      </c>
      <c r="U11" s="89">
        <v>0</v>
      </c>
    </row>
    <row r="12" spans="1:29" s="68" customFormat="1" x14ac:dyDescent="0.2">
      <c r="A12" s="59"/>
      <c r="B12" s="92" t="s">
        <v>23</v>
      </c>
      <c r="C12" s="70">
        <v>654</v>
      </c>
      <c r="D12" s="71">
        <f t="shared" si="1"/>
        <v>2770</v>
      </c>
      <c r="E12" s="72">
        <v>691</v>
      </c>
      <c r="F12" s="73">
        <v>0</v>
      </c>
      <c r="G12" s="73">
        <v>102</v>
      </c>
      <c r="H12" s="73">
        <v>496</v>
      </c>
      <c r="I12" s="73">
        <v>224</v>
      </c>
      <c r="J12" s="73">
        <v>14</v>
      </c>
      <c r="K12" s="73">
        <v>100</v>
      </c>
      <c r="L12" s="74">
        <v>1143</v>
      </c>
      <c r="M12" s="71">
        <f t="shared" si="2"/>
        <v>12</v>
      </c>
      <c r="N12" s="72">
        <v>2</v>
      </c>
      <c r="O12" s="73">
        <v>7</v>
      </c>
      <c r="P12" s="73">
        <v>3</v>
      </c>
      <c r="Q12" s="75">
        <v>0</v>
      </c>
      <c r="R12" s="71">
        <f t="shared" ref="R12" si="5">SUM(S12:U12)</f>
        <v>8</v>
      </c>
      <c r="S12" s="72">
        <v>0</v>
      </c>
      <c r="T12" s="73">
        <v>8</v>
      </c>
      <c r="U12" s="74">
        <v>0</v>
      </c>
    </row>
    <row r="13" spans="1:29" s="68" customFormat="1" x14ac:dyDescent="0.2">
      <c r="A13" s="76"/>
      <c r="B13" s="93" t="s">
        <v>7</v>
      </c>
      <c r="C13" s="94">
        <f>SUM(C11:C12)</f>
        <v>980</v>
      </c>
      <c r="D13" s="79">
        <f t="shared" si="1"/>
        <v>7180</v>
      </c>
      <c r="E13" s="80">
        <f>SUM(E11:E12)</f>
        <v>1682</v>
      </c>
      <c r="F13" s="81">
        <f t="shared" ref="F13:L13" si="6">SUM(F11:F12)</f>
        <v>0</v>
      </c>
      <c r="G13" s="81">
        <f>SUM(G11:G12)</f>
        <v>332</v>
      </c>
      <c r="H13" s="81">
        <f>SUM(H11:H12)</f>
        <v>1217</v>
      </c>
      <c r="I13" s="81">
        <f>SUM(I11:I12)</f>
        <v>422</v>
      </c>
      <c r="J13" s="81">
        <f t="shared" ref="J13:K13" si="7">SUM(J11:J12)</f>
        <v>56</v>
      </c>
      <c r="K13" s="81">
        <f t="shared" si="7"/>
        <v>418</v>
      </c>
      <c r="L13" s="82">
        <f t="shared" si="6"/>
        <v>3053</v>
      </c>
      <c r="M13" s="79">
        <f t="shared" si="2"/>
        <v>672</v>
      </c>
      <c r="N13" s="80">
        <f t="shared" ref="N13:U13" si="8">SUM(N11:N12)</f>
        <v>193</v>
      </c>
      <c r="O13" s="81">
        <f t="shared" si="8"/>
        <v>267</v>
      </c>
      <c r="P13" s="81">
        <f t="shared" si="8"/>
        <v>212</v>
      </c>
      <c r="Q13" s="81">
        <f t="shared" si="8"/>
        <v>0</v>
      </c>
      <c r="R13" s="95">
        <f>SUM(R11:R12)</f>
        <v>333</v>
      </c>
      <c r="S13" s="80">
        <f t="shared" si="8"/>
        <v>0</v>
      </c>
      <c r="T13" s="81">
        <f t="shared" si="8"/>
        <v>333</v>
      </c>
      <c r="U13" s="82">
        <f t="shared" si="8"/>
        <v>0</v>
      </c>
    </row>
    <row r="14" spans="1:29" s="68" customFormat="1" x14ac:dyDescent="0.2">
      <c r="A14" s="83" t="s">
        <v>26</v>
      </c>
      <c r="B14" s="96" t="s">
        <v>22</v>
      </c>
      <c r="C14" s="85">
        <v>190</v>
      </c>
      <c r="D14" s="97">
        <f t="shared" si="1"/>
        <v>243</v>
      </c>
      <c r="E14" s="87">
        <v>0</v>
      </c>
      <c r="F14" s="88">
        <v>0</v>
      </c>
      <c r="G14" s="88">
        <v>8</v>
      </c>
      <c r="H14" s="88">
        <v>0</v>
      </c>
      <c r="I14" s="88">
        <v>0</v>
      </c>
      <c r="J14" s="88">
        <v>0</v>
      </c>
      <c r="K14" s="88">
        <v>190</v>
      </c>
      <c r="L14" s="89">
        <v>45</v>
      </c>
      <c r="M14" s="98">
        <f t="shared" si="2"/>
        <v>284</v>
      </c>
      <c r="N14" s="87">
        <v>8</v>
      </c>
      <c r="O14" s="88">
        <v>190</v>
      </c>
      <c r="P14" s="88">
        <v>8</v>
      </c>
      <c r="Q14" s="90">
        <v>78</v>
      </c>
      <c r="R14" s="98">
        <f>SUM(S14:U14)</f>
        <v>243</v>
      </c>
      <c r="S14" s="87">
        <v>8</v>
      </c>
      <c r="T14" s="88">
        <v>190</v>
      </c>
      <c r="U14" s="89">
        <v>45</v>
      </c>
    </row>
    <row r="15" spans="1:29" s="68" customFormat="1" x14ac:dyDescent="0.2">
      <c r="A15" s="59"/>
      <c r="B15" s="69" t="s">
        <v>23</v>
      </c>
      <c r="C15" s="70">
        <v>9</v>
      </c>
      <c r="D15" s="44">
        <f t="shared" si="1"/>
        <v>9</v>
      </c>
      <c r="E15" s="72">
        <v>0</v>
      </c>
      <c r="F15" s="73">
        <v>0</v>
      </c>
      <c r="G15" s="73">
        <v>0</v>
      </c>
      <c r="H15" s="73">
        <v>0</v>
      </c>
      <c r="I15" s="73">
        <v>0</v>
      </c>
      <c r="J15" s="73">
        <v>0</v>
      </c>
      <c r="K15" s="73">
        <v>9</v>
      </c>
      <c r="L15" s="74">
        <v>0</v>
      </c>
      <c r="M15" s="44">
        <f t="shared" si="2"/>
        <v>9</v>
      </c>
      <c r="N15" s="72">
        <v>0</v>
      </c>
      <c r="O15" s="73">
        <v>9</v>
      </c>
      <c r="P15" s="73">
        <v>0</v>
      </c>
      <c r="Q15" s="75">
        <v>0</v>
      </c>
      <c r="R15" s="44">
        <f>SUM(S15:U15)</f>
        <v>9</v>
      </c>
      <c r="S15" s="72">
        <v>0</v>
      </c>
      <c r="T15" s="73">
        <v>9</v>
      </c>
      <c r="U15" s="74">
        <v>0</v>
      </c>
    </row>
    <row r="16" spans="1:29" s="68" customFormat="1" x14ac:dyDescent="0.2">
      <c r="A16" s="76"/>
      <c r="B16" s="77" t="s">
        <v>7</v>
      </c>
      <c r="C16" s="78">
        <f>SUM(C14:C15)</f>
        <v>199</v>
      </c>
      <c r="D16" s="79">
        <f t="shared" si="1"/>
        <v>252</v>
      </c>
      <c r="E16" s="80">
        <f t="shared" ref="E16:L16" si="9">SUM(E14:E15)</f>
        <v>0</v>
      </c>
      <c r="F16" s="81">
        <f t="shared" si="9"/>
        <v>0</v>
      </c>
      <c r="G16" s="81">
        <f t="shared" si="9"/>
        <v>8</v>
      </c>
      <c r="H16" s="81">
        <f t="shared" si="9"/>
        <v>0</v>
      </c>
      <c r="I16" s="81">
        <f t="shared" si="9"/>
        <v>0</v>
      </c>
      <c r="J16" s="81">
        <f t="shared" si="9"/>
        <v>0</v>
      </c>
      <c r="K16" s="81">
        <f t="shared" si="9"/>
        <v>199</v>
      </c>
      <c r="L16" s="82">
        <f t="shared" si="9"/>
        <v>45</v>
      </c>
      <c r="M16" s="79">
        <f t="shared" si="2"/>
        <v>293</v>
      </c>
      <c r="N16" s="80">
        <f t="shared" ref="N16:U16" si="10">SUM(N14:N15)</f>
        <v>8</v>
      </c>
      <c r="O16" s="81">
        <f t="shared" si="10"/>
        <v>199</v>
      </c>
      <c r="P16" s="81">
        <f t="shared" si="10"/>
        <v>8</v>
      </c>
      <c r="Q16" s="81">
        <f t="shared" si="10"/>
        <v>78</v>
      </c>
      <c r="R16" s="99">
        <f t="shared" si="10"/>
        <v>252</v>
      </c>
      <c r="S16" s="80">
        <f t="shared" si="10"/>
        <v>8</v>
      </c>
      <c r="T16" s="81">
        <f t="shared" si="10"/>
        <v>199</v>
      </c>
      <c r="U16" s="82">
        <f t="shared" si="10"/>
        <v>45</v>
      </c>
    </row>
    <row r="17" spans="1:21" x14ac:dyDescent="0.2">
      <c r="A17" s="100" t="s">
        <v>27</v>
      </c>
      <c r="B17" s="84" t="s">
        <v>22</v>
      </c>
      <c r="C17" s="101">
        <v>812</v>
      </c>
      <c r="D17" s="97">
        <f t="shared" si="1"/>
        <v>872</v>
      </c>
      <c r="E17" s="102">
        <v>0</v>
      </c>
      <c r="F17" s="103">
        <v>0</v>
      </c>
      <c r="G17" s="104">
        <v>28</v>
      </c>
      <c r="H17" s="103">
        <v>0</v>
      </c>
      <c r="I17" s="104">
        <v>27</v>
      </c>
      <c r="J17" s="103">
        <v>0</v>
      </c>
      <c r="K17" s="104">
        <v>812</v>
      </c>
      <c r="L17" s="105">
        <v>5</v>
      </c>
      <c r="M17" s="98">
        <f t="shared" si="2"/>
        <v>866</v>
      </c>
      <c r="N17" s="102">
        <v>29</v>
      </c>
      <c r="O17" s="104">
        <v>763</v>
      </c>
      <c r="P17" s="104">
        <v>29</v>
      </c>
      <c r="Q17" s="106">
        <v>45</v>
      </c>
      <c r="R17" s="98">
        <f>SUM(S17:U17)</f>
        <v>1476</v>
      </c>
      <c r="S17" s="107">
        <v>0</v>
      </c>
      <c r="T17" s="104">
        <v>860</v>
      </c>
      <c r="U17" s="108">
        <v>616</v>
      </c>
    </row>
    <row r="18" spans="1:21" x14ac:dyDescent="0.2">
      <c r="A18" s="109"/>
      <c r="B18" s="92" t="s">
        <v>23</v>
      </c>
      <c r="C18" s="110">
        <v>46</v>
      </c>
      <c r="D18" s="44">
        <f t="shared" si="1"/>
        <v>57</v>
      </c>
      <c r="E18" s="111">
        <v>0</v>
      </c>
      <c r="F18" s="112">
        <v>0</v>
      </c>
      <c r="G18" s="113">
        <v>6</v>
      </c>
      <c r="H18" s="112">
        <v>0</v>
      </c>
      <c r="I18" s="113">
        <v>5</v>
      </c>
      <c r="J18" s="112">
        <v>0</v>
      </c>
      <c r="K18" s="113">
        <v>46</v>
      </c>
      <c r="L18" s="114">
        <v>0</v>
      </c>
      <c r="M18" s="44">
        <f t="shared" si="2"/>
        <v>58</v>
      </c>
      <c r="N18" s="111">
        <v>6</v>
      </c>
      <c r="O18" s="113">
        <v>46</v>
      </c>
      <c r="P18" s="113">
        <v>6</v>
      </c>
      <c r="Q18" s="115">
        <v>0</v>
      </c>
      <c r="R18" s="44">
        <f>SUM(S18:U18)</f>
        <v>6</v>
      </c>
      <c r="S18" s="116">
        <v>0</v>
      </c>
      <c r="T18" s="112">
        <v>0</v>
      </c>
      <c r="U18" s="114">
        <v>6</v>
      </c>
    </row>
    <row r="19" spans="1:21" ht="18" thickBot="1" x14ac:dyDescent="0.25">
      <c r="A19" s="117"/>
      <c r="B19" s="118" t="s">
        <v>7</v>
      </c>
      <c r="C19" s="119">
        <f>SUM(C17:C18)</f>
        <v>858</v>
      </c>
      <c r="D19" s="120">
        <f t="shared" si="1"/>
        <v>929</v>
      </c>
      <c r="E19" s="121">
        <f t="shared" ref="E19:L19" si="11">SUM(E17:E18)</f>
        <v>0</v>
      </c>
      <c r="F19" s="122">
        <f t="shared" si="11"/>
        <v>0</v>
      </c>
      <c r="G19" s="123">
        <f t="shared" si="11"/>
        <v>34</v>
      </c>
      <c r="H19" s="122">
        <f t="shared" si="11"/>
        <v>0</v>
      </c>
      <c r="I19" s="123">
        <f t="shared" si="11"/>
        <v>32</v>
      </c>
      <c r="J19" s="122">
        <f t="shared" si="11"/>
        <v>0</v>
      </c>
      <c r="K19" s="122">
        <f>SUM(K17:K18)</f>
        <v>858</v>
      </c>
      <c r="L19" s="124">
        <f t="shared" si="11"/>
        <v>5</v>
      </c>
      <c r="M19" s="120">
        <f t="shared" si="2"/>
        <v>924</v>
      </c>
      <c r="N19" s="121">
        <f t="shared" ref="N19:U19" si="12">SUM(N17:N18)</f>
        <v>35</v>
      </c>
      <c r="O19" s="123">
        <f t="shared" si="12"/>
        <v>809</v>
      </c>
      <c r="P19" s="123">
        <f t="shared" si="12"/>
        <v>35</v>
      </c>
      <c r="Q19" s="123">
        <f t="shared" si="12"/>
        <v>45</v>
      </c>
      <c r="R19" s="120">
        <f>SUM(R17:R18)</f>
        <v>1482</v>
      </c>
      <c r="S19" s="125">
        <f t="shared" si="12"/>
        <v>0</v>
      </c>
      <c r="T19" s="123">
        <f t="shared" si="12"/>
        <v>860</v>
      </c>
      <c r="U19" s="124">
        <f t="shared" si="12"/>
        <v>622</v>
      </c>
    </row>
    <row r="20" spans="1:21" x14ac:dyDescent="0.2">
      <c r="A20" s="126" t="s">
        <v>28</v>
      </c>
      <c r="B20" s="126"/>
      <c r="C20" s="126"/>
      <c r="D20" s="127"/>
      <c r="E20" s="127"/>
      <c r="F20" s="127"/>
      <c r="G20" s="127"/>
      <c r="H20" s="128"/>
      <c r="I20" s="127"/>
      <c r="J20" s="127"/>
      <c r="K20" s="127"/>
      <c r="L20" s="127"/>
      <c r="M20" s="127"/>
      <c r="N20" s="127"/>
      <c r="O20" s="127"/>
      <c r="P20" s="127"/>
      <c r="Q20" s="127"/>
      <c r="R20" s="127"/>
      <c r="S20" s="127"/>
      <c r="T20" s="127"/>
      <c r="U20" s="127"/>
    </row>
    <row r="21" spans="1:21" x14ac:dyDescent="0.2">
      <c r="A21" s="129"/>
      <c r="B21" s="130"/>
      <c r="C21" s="129"/>
      <c r="D21" s="129"/>
      <c r="E21" s="129"/>
      <c r="F21" s="129"/>
      <c r="G21" s="129"/>
      <c r="H21" s="129"/>
      <c r="I21" s="129"/>
      <c r="J21" s="129"/>
      <c r="K21" s="129"/>
      <c r="L21" s="129"/>
      <c r="M21" s="129"/>
      <c r="N21" s="129"/>
      <c r="O21" s="129"/>
      <c r="P21" s="129"/>
      <c r="Q21" s="129"/>
      <c r="R21" s="129"/>
      <c r="S21" s="129"/>
      <c r="T21" s="129"/>
      <c r="U21" s="129"/>
    </row>
    <row r="22" spans="1:21" x14ac:dyDescent="0.2">
      <c r="A22" s="129"/>
      <c r="B22" s="130"/>
      <c r="C22" s="129"/>
      <c r="D22" s="129"/>
      <c r="E22" s="129"/>
      <c r="F22" s="129"/>
      <c r="G22" s="129"/>
      <c r="H22" s="129"/>
      <c r="I22" s="129"/>
      <c r="J22" s="129"/>
      <c r="K22" s="129"/>
      <c r="L22" s="129"/>
      <c r="M22" s="129"/>
      <c r="N22" s="129"/>
      <c r="O22" s="129"/>
      <c r="P22" s="129"/>
      <c r="Q22" s="129"/>
      <c r="R22" s="129"/>
      <c r="S22" s="129"/>
      <c r="T22" s="129"/>
      <c r="U22" s="129"/>
    </row>
    <row r="23" spans="1:21" x14ac:dyDescent="0.2">
      <c r="A23" s="129"/>
      <c r="B23" s="130"/>
      <c r="C23" s="129"/>
      <c r="D23" s="129"/>
      <c r="E23" s="129"/>
      <c r="F23" s="129"/>
      <c r="G23" s="129"/>
      <c r="H23" s="129"/>
      <c r="I23" s="129"/>
      <c r="J23" s="129"/>
      <c r="K23" s="129"/>
      <c r="L23" s="129"/>
      <c r="M23" s="129"/>
      <c r="N23" s="129"/>
      <c r="O23" s="129"/>
      <c r="P23" s="129"/>
      <c r="Q23" s="129"/>
      <c r="R23" s="129"/>
      <c r="S23" s="129"/>
      <c r="T23" s="129"/>
      <c r="U23" s="129"/>
    </row>
    <row r="24" spans="1:21" x14ac:dyDescent="0.2">
      <c r="A24" s="129"/>
      <c r="B24" s="130"/>
      <c r="C24" s="129"/>
      <c r="D24" s="129"/>
      <c r="E24" s="129"/>
      <c r="F24" s="129"/>
      <c r="G24" s="129"/>
      <c r="H24" s="129"/>
      <c r="I24" s="129"/>
      <c r="J24" s="129"/>
      <c r="K24" s="129"/>
      <c r="L24" s="129"/>
      <c r="M24" s="129"/>
      <c r="N24" s="129"/>
      <c r="O24" s="129"/>
      <c r="P24" s="129"/>
      <c r="Q24" s="129"/>
      <c r="R24" s="129"/>
      <c r="S24" s="129"/>
      <c r="T24" s="129"/>
      <c r="U24" s="129"/>
    </row>
    <row r="25" spans="1:21" x14ac:dyDescent="0.2">
      <c r="A25" s="129"/>
      <c r="B25" s="130"/>
      <c r="C25" s="129"/>
      <c r="D25" s="129"/>
      <c r="E25" s="129"/>
      <c r="F25" s="129"/>
      <c r="G25" s="129"/>
      <c r="H25" s="129"/>
      <c r="I25" s="129"/>
      <c r="J25" s="129"/>
      <c r="K25" s="129"/>
      <c r="L25" s="129"/>
      <c r="M25" s="129"/>
      <c r="N25" s="129"/>
      <c r="O25" s="129"/>
      <c r="P25" s="129"/>
      <c r="Q25" s="129"/>
      <c r="R25" s="129"/>
      <c r="S25" s="129"/>
      <c r="T25" s="129"/>
      <c r="U25" s="129"/>
    </row>
    <row r="26" spans="1:21" x14ac:dyDescent="0.2">
      <c r="A26" s="129"/>
      <c r="B26" s="130"/>
      <c r="C26" s="129"/>
      <c r="D26" s="129"/>
      <c r="E26" s="129"/>
      <c r="F26" s="129"/>
      <c r="G26" s="129"/>
      <c r="H26" s="129"/>
      <c r="I26" s="129"/>
      <c r="J26" s="129"/>
      <c r="K26" s="129"/>
      <c r="L26" s="129"/>
      <c r="M26" s="129"/>
      <c r="N26" s="129"/>
      <c r="O26" s="129"/>
      <c r="P26" s="129"/>
      <c r="Q26" s="129"/>
      <c r="R26" s="129"/>
      <c r="S26" s="129"/>
      <c r="T26" s="129"/>
      <c r="U26" s="129"/>
    </row>
    <row r="27" spans="1:21" x14ac:dyDescent="0.2">
      <c r="A27" s="129"/>
      <c r="B27" s="130"/>
      <c r="C27" s="129"/>
      <c r="D27" s="129"/>
      <c r="E27" s="129"/>
      <c r="F27" s="129"/>
      <c r="G27" s="129"/>
      <c r="H27" s="129"/>
      <c r="I27" s="129"/>
      <c r="J27" s="129"/>
      <c r="K27" s="129"/>
      <c r="L27" s="129"/>
      <c r="M27" s="129"/>
      <c r="N27" s="129"/>
      <c r="O27" s="129"/>
      <c r="P27" s="129"/>
      <c r="Q27" s="129"/>
      <c r="R27" s="129"/>
      <c r="S27" s="129"/>
      <c r="T27" s="129"/>
      <c r="U27" s="129"/>
    </row>
    <row r="28" spans="1:21" x14ac:dyDescent="0.2">
      <c r="A28" s="129"/>
      <c r="B28" s="130"/>
      <c r="C28" s="129"/>
      <c r="D28" s="129"/>
      <c r="E28" s="129"/>
      <c r="F28" s="129"/>
      <c r="G28" s="129"/>
      <c r="H28" s="129"/>
      <c r="I28" s="129"/>
      <c r="J28" s="129"/>
      <c r="K28" s="129"/>
      <c r="L28" s="129"/>
      <c r="M28" s="129"/>
      <c r="N28" s="129"/>
      <c r="O28" s="129"/>
      <c r="P28" s="129"/>
      <c r="Q28" s="129"/>
      <c r="R28" s="129"/>
      <c r="S28" s="129"/>
      <c r="T28" s="129"/>
      <c r="U28" s="129"/>
    </row>
    <row r="29" spans="1:21" x14ac:dyDescent="0.2">
      <c r="A29" s="129"/>
      <c r="B29" s="130"/>
      <c r="C29" s="129"/>
      <c r="D29" s="129"/>
      <c r="E29" s="129"/>
      <c r="F29" s="129"/>
      <c r="G29" s="129"/>
      <c r="H29" s="129"/>
      <c r="I29" s="129"/>
      <c r="J29" s="129"/>
      <c r="K29" s="129"/>
      <c r="L29" s="129"/>
      <c r="M29" s="129"/>
      <c r="N29" s="129"/>
      <c r="O29" s="129"/>
      <c r="P29" s="129"/>
      <c r="Q29" s="129"/>
      <c r="R29" s="129"/>
      <c r="S29" s="129"/>
      <c r="T29" s="129"/>
      <c r="U29" s="129"/>
    </row>
    <row r="30" spans="1:21" x14ac:dyDescent="0.2">
      <c r="A30" s="129"/>
      <c r="B30" s="130"/>
      <c r="C30" s="129"/>
      <c r="D30" s="129"/>
      <c r="E30" s="129"/>
      <c r="F30" s="129"/>
      <c r="G30" s="129"/>
      <c r="H30" s="129"/>
      <c r="I30" s="129"/>
      <c r="J30" s="129"/>
      <c r="K30" s="129"/>
      <c r="L30" s="129"/>
      <c r="M30" s="129"/>
      <c r="N30" s="129"/>
      <c r="O30" s="129"/>
      <c r="P30" s="129"/>
      <c r="Q30" s="129"/>
      <c r="R30" s="129"/>
      <c r="S30" s="129"/>
      <c r="T30" s="129"/>
      <c r="U30" s="129"/>
    </row>
    <row r="31" spans="1:21" x14ac:dyDescent="0.2">
      <c r="A31" s="129"/>
      <c r="B31" s="130"/>
      <c r="C31" s="129"/>
      <c r="D31" s="129"/>
      <c r="E31" s="129"/>
      <c r="F31" s="129"/>
      <c r="G31" s="129"/>
      <c r="H31" s="129"/>
      <c r="I31" s="129"/>
      <c r="J31" s="129"/>
      <c r="K31" s="129"/>
      <c r="L31" s="129"/>
      <c r="M31" s="129"/>
      <c r="N31" s="129"/>
      <c r="O31" s="129"/>
      <c r="P31" s="129"/>
      <c r="Q31" s="129"/>
      <c r="R31" s="129"/>
      <c r="S31" s="129"/>
      <c r="T31" s="129"/>
      <c r="U31" s="129"/>
    </row>
    <row r="32" spans="1:21" x14ac:dyDescent="0.2">
      <c r="A32" s="129"/>
      <c r="B32" s="130"/>
      <c r="C32" s="129"/>
      <c r="D32" s="129"/>
      <c r="E32" s="129"/>
      <c r="F32" s="129"/>
      <c r="G32" s="129"/>
      <c r="H32" s="129"/>
      <c r="I32" s="129"/>
      <c r="J32" s="129"/>
      <c r="K32" s="129"/>
      <c r="L32" s="129"/>
      <c r="M32" s="129"/>
      <c r="N32" s="129"/>
      <c r="O32" s="129"/>
      <c r="P32" s="129"/>
      <c r="Q32" s="129"/>
      <c r="R32" s="129"/>
      <c r="S32" s="129"/>
      <c r="T32" s="129"/>
      <c r="U32" s="129"/>
    </row>
    <row r="33" spans="1:21" x14ac:dyDescent="0.2">
      <c r="A33" s="129"/>
      <c r="B33" s="130"/>
      <c r="C33" s="129"/>
      <c r="D33" s="129"/>
      <c r="E33" s="129"/>
      <c r="F33" s="129"/>
      <c r="G33" s="129"/>
      <c r="H33" s="129"/>
      <c r="I33" s="129"/>
      <c r="J33" s="129"/>
      <c r="K33" s="129"/>
      <c r="L33" s="129"/>
      <c r="M33" s="129"/>
      <c r="N33" s="129"/>
      <c r="O33" s="129"/>
      <c r="P33" s="129"/>
      <c r="Q33" s="129"/>
      <c r="R33" s="129"/>
      <c r="S33" s="129"/>
      <c r="T33" s="129"/>
      <c r="U33" s="129"/>
    </row>
    <row r="34" spans="1:21" x14ac:dyDescent="0.2">
      <c r="A34" s="129"/>
      <c r="B34" s="130"/>
      <c r="C34" s="129"/>
      <c r="D34" s="129"/>
      <c r="E34" s="129"/>
      <c r="F34" s="129"/>
      <c r="G34" s="129"/>
      <c r="H34" s="129"/>
      <c r="I34" s="129"/>
      <c r="J34" s="129"/>
      <c r="K34" s="129"/>
      <c r="L34" s="129"/>
      <c r="M34" s="129"/>
      <c r="N34" s="129"/>
      <c r="O34" s="129"/>
      <c r="P34" s="129"/>
      <c r="Q34" s="129"/>
      <c r="R34" s="129"/>
      <c r="S34" s="129"/>
      <c r="T34" s="129"/>
      <c r="U34" s="129"/>
    </row>
  </sheetData>
  <mergeCells count="11">
    <mergeCell ref="A8:A10"/>
    <mergeCell ref="A11:A13"/>
    <mergeCell ref="A14:A16"/>
    <mergeCell ref="A17:A19"/>
    <mergeCell ref="A20:C20"/>
    <mergeCell ref="A2:B4"/>
    <mergeCell ref="C2:C3"/>
    <mergeCell ref="D2:L2"/>
    <mergeCell ref="M2:Q2"/>
    <mergeCell ref="R2:U2"/>
    <mergeCell ref="A5:A7"/>
  </mergeCells>
  <phoneticPr fontId="2"/>
  <dataValidations count="1">
    <dataValidation type="whole" allowBlank="1" showInputMessage="1" showErrorMessage="1" errorTitle="入力エラー" error="入力欄には整数を入力してください！！_x000a_" sqref="S17:U18 C17:C18 C65553:C65554 C131089:C131090 C196625:C196626 C262161:C262162 C327697:C327698 C393233:C393234 C458769:C458770 C524305:C524306 C589841:C589842 C655377:C655378 C720913:C720914 C786449:C786450 C851985:C851986 C917521:C917522 C983057:C983058 WLO983057:WLW983058 WBS983057:WCA983058 VRW983057:VSE983058 VIA983057:VII983058 UYE983057:UYM983058 UOI983057:UOQ983058 UEM983057:UEU983058 TUQ983057:TUY983058 TKU983057:TLC983058 TAY983057:TBG983058 SRC983057:SRK983058 SHG983057:SHO983058 RXK983057:RXS983058 RNO983057:RNW983058 RDS983057:REA983058 QTW983057:QUE983058 QKA983057:QKI983058 QAE983057:QAM983058 PQI983057:PQQ983058 PGM983057:PGU983058 OWQ983057:OWY983058 OMU983057:ONC983058 OCY983057:ODG983058 NTC983057:NTK983058 NJG983057:NJO983058 MZK983057:MZS983058 MPO983057:MPW983058 MFS983057:MGA983058 LVW983057:LWE983058 LMA983057:LMI983058 LCE983057:LCM983058 KSI983057:KSQ983058 KIM983057:KIU983058 JYQ983057:JYY983058 JOU983057:JPC983058 JEY983057:JFG983058 IVC983057:IVK983058 ILG983057:ILO983058 IBK983057:IBS983058 HRO983057:HRW983058 HHS983057:HIA983058 GXW983057:GYE983058 GOA983057:GOI983058 GEE983057:GEM983058 FUI983057:FUQ983058 FKM983057:FKU983058 FAQ983057:FAY983058 EQU983057:ERC983058 EGY983057:EHG983058 DXC983057:DXK983058 DNG983057:DNO983058 DDK983057:DDS983058 CTO983057:CTW983058 CJS983057:CKA983058 BZW983057:CAE983058 BQA983057:BQI983058 BGE983057:BGM983058 AWI983057:AWQ983058 AMM983057:AMU983058 ACQ983057:ACY983058 SU983057:TC983058 IY983057:JG983058 WVK983057:WVS983058 WVK917521:WVS917522 WLO917521:WLW917522 WBS917521:WCA917522 VRW917521:VSE917522 VIA917521:VII917522 UYE917521:UYM917522 UOI917521:UOQ917522 UEM917521:UEU917522 TUQ917521:TUY917522 TKU917521:TLC917522 TAY917521:TBG917522 SRC917521:SRK917522 SHG917521:SHO917522 RXK917521:RXS917522 RNO917521:RNW917522 RDS917521:REA917522 QTW917521:QUE917522 QKA917521:QKI917522 QAE917521:QAM917522 PQI917521:PQQ917522 PGM917521:PGU917522 OWQ917521:OWY917522 OMU917521:ONC917522 OCY917521:ODG917522 NTC917521:NTK917522 NJG917521:NJO917522 MZK917521:MZS917522 MPO917521:MPW917522 MFS917521:MGA917522 LVW917521:LWE917522 LMA917521:LMI917522 LCE917521:LCM917522 KSI917521:KSQ917522 KIM917521:KIU917522 JYQ917521:JYY917522 JOU917521:JPC917522 JEY917521:JFG917522 IVC917521:IVK917522 ILG917521:ILO917522 IBK917521:IBS917522 HRO917521:HRW917522 HHS917521:HIA917522 GXW917521:GYE917522 GOA917521:GOI917522 GEE917521:GEM917522 FUI917521:FUQ917522 FKM917521:FKU917522 FAQ917521:FAY917522 EQU917521:ERC917522 EGY917521:EHG917522 DXC917521:DXK917522 DNG917521:DNO917522 DDK917521:DDS917522 CTO917521:CTW917522 CJS917521:CKA917522 BZW917521:CAE917522 BQA917521:BQI917522 BGE917521:BGM917522 AWI917521:AWQ917522 AMM917521:AMU917522 ACQ917521:ACY917522 SU917521:TC917522 IY917521:JG917522 E983057:L983058 WVK851985:WVS851986 WLO851985:WLW851986 WBS851985:WCA851986 VRW851985:VSE851986 VIA851985:VII851986 UYE851985:UYM851986 UOI851985:UOQ851986 UEM851985:UEU851986 TUQ851985:TUY851986 TKU851985:TLC851986 TAY851985:TBG851986 SRC851985:SRK851986 SHG851985:SHO851986 RXK851985:RXS851986 RNO851985:RNW851986 RDS851985:REA851986 QTW851985:QUE851986 QKA851985:QKI851986 QAE851985:QAM851986 PQI851985:PQQ851986 PGM851985:PGU851986 OWQ851985:OWY851986 OMU851985:ONC851986 OCY851985:ODG851986 NTC851985:NTK851986 NJG851985:NJO851986 MZK851985:MZS851986 MPO851985:MPW851986 MFS851985:MGA851986 LVW851985:LWE851986 LMA851985:LMI851986 LCE851985:LCM851986 KSI851985:KSQ851986 KIM851985:KIU851986 JYQ851985:JYY851986 JOU851985:JPC851986 JEY851985:JFG851986 IVC851985:IVK851986 ILG851985:ILO851986 IBK851985:IBS851986 HRO851985:HRW851986 HHS851985:HIA851986 GXW851985:GYE851986 GOA851985:GOI851986 GEE851985:GEM851986 FUI851985:FUQ851986 FKM851985:FKU851986 FAQ851985:FAY851986 EQU851985:ERC851986 EGY851985:EHG851986 DXC851985:DXK851986 DNG851985:DNO851986 DDK851985:DDS851986 CTO851985:CTW851986 CJS851985:CKA851986 BZW851985:CAE851986 BQA851985:BQI851986 BGE851985:BGM851986 AWI851985:AWQ851986 AMM851985:AMU851986 ACQ851985:ACY851986 SU851985:TC851986 IY851985:JG851986 E917521:L917522 WVK786449:WVS786450 WLO786449:WLW786450 WBS786449:WCA786450 VRW786449:VSE786450 VIA786449:VII786450 UYE786449:UYM786450 UOI786449:UOQ786450 UEM786449:UEU786450 TUQ786449:TUY786450 TKU786449:TLC786450 TAY786449:TBG786450 SRC786449:SRK786450 SHG786449:SHO786450 RXK786449:RXS786450 RNO786449:RNW786450 RDS786449:REA786450 QTW786449:QUE786450 QKA786449:QKI786450 QAE786449:QAM786450 PQI786449:PQQ786450 PGM786449:PGU786450 OWQ786449:OWY786450 OMU786449:ONC786450 OCY786449:ODG786450 NTC786449:NTK786450 NJG786449:NJO786450 MZK786449:MZS786450 MPO786449:MPW786450 MFS786449:MGA786450 LVW786449:LWE786450 LMA786449:LMI786450 LCE786449:LCM786450 KSI786449:KSQ786450 KIM786449:KIU786450 JYQ786449:JYY786450 JOU786449:JPC786450 JEY786449:JFG786450 IVC786449:IVK786450 ILG786449:ILO786450 IBK786449:IBS786450 HRO786449:HRW786450 HHS786449:HIA786450 GXW786449:GYE786450 GOA786449:GOI786450 GEE786449:GEM786450 FUI786449:FUQ786450 FKM786449:FKU786450 FAQ786449:FAY786450 EQU786449:ERC786450 EGY786449:EHG786450 DXC786449:DXK786450 DNG786449:DNO786450 DDK786449:DDS786450 CTO786449:CTW786450 CJS786449:CKA786450 BZW786449:CAE786450 BQA786449:BQI786450 BGE786449:BGM786450 AWI786449:AWQ786450 AMM786449:AMU786450 ACQ786449:ACY786450 SU786449:TC786450 IY786449:JG786450 E851985:L851986 WVK720913:WVS720914 WLO720913:WLW720914 WBS720913:WCA720914 VRW720913:VSE720914 VIA720913:VII720914 UYE720913:UYM720914 UOI720913:UOQ720914 UEM720913:UEU720914 TUQ720913:TUY720914 TKU720913:TLC720914 TAY720913:TBG720914 SRC720913:SRK720914 SHG720913:SHO720914 RXK720913:RXS720914 RNO720913:RNW720914 RDS720913:REA720914 QTW720913:QUE720914 QKA720913:QKI720914 QAE720913:QAM720914 PQI720913:PQQ720914 PGM720913:PGU720914 OWQ720913:OWY720914 OMU720913:ONC720914 OCY720913:ODG720914 NTC720913:NTK720914 NJG720913:NJO720914 MZK720913:MZS720914 MPO720913:MPW720914 MFS720913:MGA720914 LVW720913:LWE720914 LMA720913:LMI720914 LCE720913:LCM720914 KSI720913:KSQ720914 KIM720913:KIU720914 JYQ720913:JYY720914 JOU720913:JPC720914 JEY720913:JFG720914 IVC720913:IVK720914 ILG720913:ILO720914 IBK720913:IBS720914 HRO720913:HRW720914 HHS720913:HIA720914 GXW720913:GYE720914 GOA720913:GOI720914 GEE720913:GEM720914 FUI720913:FUQ720914 FKM720913:FKU720914 FAQ720913:FAY720914 EQU720913:ERC720914 EGY720913:EHG720914 DXC720913:DXK720914 DNG720913:DNO720914 DDK720913:DDS720914 CTO720913:CTW720914 CJS720913:CKA720914 BZW720913:CAE720914 BQA720913:BQI720914 BGE720913:BGM720914 AWI720913:AWQ720914 AMM720913:AMU720914 ACQ720913:ACY720914 SU720913:TC720914 IY720913:JG720914 E786449:L786450 WVK655377:WVS655378 WLO655377:WLW655378 WBS655377:WCA655378 VRW655377:VSE655378 VIA655377:VII655378 UYE655377:UYM655378 UOI655377:UOQ655378 UEM655377:UEU655378 TUQ655377:TUY655378 TKU655377:TLC655378 TAY655377:TBG655378 SRC655377:SRK655378 SHG655377:SHO655378 RXK655377:RXS655378 RNO655377:RNW655378 RDS655377:REA655378 QTW655377:QUE655378 QKA655377:QKI655378 QAE655377:QAM655378 PQI655377:PQQ655378 PGM655377:PGU655378 OWQ655377:OWY655378 OMU655377:ONC655378 OCY655377:ODG655378 NTC655377:NTK655378 NJG655377:NJO655378 MZK655377:MZS655378 MPO655377:MPW655378 MFS655377:MGA655378 LVW655377:LWE655378 LMA655377:LMI655378 LCE655377:LCM655378 KSI655377:KSQ655378 KIM655377:KIU655378 JYQ655377:JYY655378 JOU655377:JPC655378 JEY655377:JFG655378 IVC655377:IVK655378 ILG655377:ILO655378 IBK655377:IBS655378 HRO655377:HRW655378 HHS655377:HIA655378 GXW655377:GYE655378 GOA655377:GOI655378 GEE655377:GEM655378 FUI655377:FUQ655378 FKM655377:FKU655378 FAQ655377:FAY655378 EQU655377:ERC655378 EGY655377:EHG655378 DXC655377:DXK655378 DNG655377:DNO655378 DDK655377:DDS655378 CTO655377:CTW655378 CJS655377:CKA655378 BZW655377:CAE655378 BQA655377:BQI655378 BGE655377:BGM655378 AWI655377:AWQ655378 AMM655377:AMU655378 ACQ655377:ACY655378 SU655377:TC655378 IY655377:JG655378 E720913:L720914 WVK589841:WVS589842 WLO589841:WLW589842 WBS589841:WCA589842 VRW589841:VSE589842 VIA589841:VII589842 UYE589841:UYM589842 UOI589841:UOQ589842 UEM589841:UEU589842 TUQ589841:TUY589842 TKU589841:TLC589842 TAY589841:TBG589842 SRC589841:SRK589842 SHG589841:SHO589842 RXK589841:RXS589842 RNO589841:RNW589842 RDS589841:REA589842 QTW589841:QUE589842 QKA589841:QKI589842 QAE589841:QAM589842 PQI589841:PQQ589842 PGM589841:PGU589842 OWQ589841:OWY589842 OMU589841:ONC589842 OCY589841:ODG589842 NTC589841:NTK589842 NJG589841:NJO589842 MZK589841:MZS589842 MPO589841:MPW589842 MFS589841:MGA589842 LVW589841:LWE589842 LMA589841:LMI589842 LCE589841:LCM589842 KSI589841:KSQ589842 KIM589841:KIU589842 JYQ589841:JYY589842 JOU589841:JPC589842 JEY589841:JFG589842 IVC589841:IVK589842 ILG589841:ILO589842 IBK589841:IBS589842 HRO589841:HRW589842 HHS589841:HIA589842 GXW589841:GYE589842 GOA589841:GOI589842 GEE589841:GEM589842 FUI589841:FUQ589842 FKM589841:FKU589842 FAQ589841:FAY589842 EQU589841:ERC589842 EGY589841:EHG589842 DXC589841:DXK589842 DNG589841:DNO589842 DDK589841:DDS589842 CTO589841:CTW589842 CJS589841:CKA589842 BZW589841:CAE589842 BQA589841:BQI589842 BGE589841:BGM589842 AWI589841:AWQ589842 AMM589841:AMU589842 ACQ589841:ACY589842 SU589841:TC589842 IY589841:JG589842 E655377:L655378 WVK524305:WVS524306 WLO524305:WLW524306 WBS524305:WCA524306 VRW524305:VSE524306 VIA524305:VII524306 UYE524305:UYM524306 UOI524305:UOQ524306 UEM524305:UEU524306 TUQ524305:TUY524306 TKU524305:TLC524306 TAY524305:TBG524306 SRC524305:SRK524306 SHG524305:SHO524306 RXK524305:RXS524306 RNO524305:RNW524306 RDS524305:REA524306 QTW524305:QUE524306 QKA524305:QKI524306 QAE524305:QAM524306 PQI524305:PQQ524306 PGM524305:PGU524306 OWQ524305:OWY524306 OMU524305:ONC524306 OCY524305:ODG524306 NTC524305:NTK524306 NJG524305:NJO524306 MZK524305:MZS524306 MPO524305:MPW524306 MFS524305:MGA524306 LVW524305:LWE524306 LMA524305:LMI524306 LCE524305:LCM524306 KSI524305:KSQ524306 KIM524305:KIU524306 JYQ524305:JYY524306 JOU524305:JPC524306 JEY524305:JFG524306 IVC524305:IVK524306 ILG524305:ILO524306 IBK524305:IBS524306 HRO524305:HRW524306 HHS524305:HIA524306 GXW524305:GYE524306 GOA524305:GOI524306 GEE524305:GEM524306 FUI524305:FUQ524306 FKM524305:FKU524306 FAQ524305:FAY524306 EQU524305:ERC524306 EGY524305:EHG524306 DXC524305:DXK524306 DNG524305:DNO524306 DDK524305:DDS524306 CTO524305:CTW524306 CJS524305:CKA524306 BZW524305:CAE524306 BQA524305:BQI524306 BGE524305:BGM524306 AWI524305:AWQ524306 AMM524305:AMU524306 ACQ524305:ACY524306 SU524305:TC524306 IY524305:JG524306 E589841:L589842 WVK458769:WVS458770 WLO458769:WLW458770 WBS458769:WCA458770 VRW458769:VSE458770 VIA458769:VII458770 UYE458769:UYM458770 UOI458769:UOQ458770 UEM458769:UEU458770 TUQ458769:TUY458770 TKU458769:TLC458770 TAY458769:TBG458770 SRC458769:SRK458770 SHG458769:SHO458770 RXK458769:RXS458770 RNO458769:RNW458770 RDS458769:REA458770 QTW458769:QUE458770 QKA458769:QKI458770 QAE458769:QAM458770 PQI458769:PQQ458770 PGM458769:PGU458770 OWQ458769:OWY458770 OMU458769:ONC458770 OCY458769:ODG458770 NTC458769:NTK458770 NJG458769:NJO458770 MZK458769:MZS458770 MPO458769:MPW458770 MFS458769:MGA458770 LVW458769:LWE458770 LMA458769:LMI458770 LCE458769:LCM458770 KSI458769:KSQ458770 KIM458769:KIU458770 JYQ458769:JYY458770 JOU458769:JPC458770 JEY458769:JFG458770 IVC458769:IVK458770 ILG458769:ILO458770 IBK458769:IBS458770 HRO458769:HRW458770 HHS458769:HIA458770 GXW458769:GYE458770 GOA458769:GOI458770 GEE458769:GEM458770 FUI458769:FUQ458770 FKM458769:FKU458770 FAQ458769:FAY458770 EQU458769:ERC458770 EGY458769:EHG458770 DXC458769:DXK458770 DNG458769:DNO458770 DDK458769:DDS458770 CTO458769:CTW458770 CJS458769:CKA458770 BZW458769:CAE458770 BQA458769:BQI458770 BGE458769:BGM458770 AWI458769:AWQ458770 AMM458769:AMU458770 ACQ458769:ACY458770 SU458769:TC458770 IY458769:JG458770 E524305:L524306 WVK393233:WVS393234 WLO393233:WLW393234 WBS393233:WCA393234 VRW393233:VSE393234 VIA393233:VII393234 UYE393233:UYM393234 UOI393233:UOQ393234 UEM393233:UEU393234 TUQ393233:TUY393234 TKU393233:TLC393234 TAY393233:TBG393234 SRC393233:SRK393234 SHG393233:SHO393234 RXK393233:RXS393234 RNO393233:RNW393234 RDS393233:REA393234 QTW393233:QUE393234 QKA393233:QKI393234 QAE393233:QAM393234 PQI393233:PQQ393234 PGM393233:PGU393234 OWQ393233:OWY393234 OMU393233:ONC393234 OCY393233:ODG393234 NTC393233:NTK393234 NJG393233:NJO393234 MZK393233:MZS393234 MPO393233:MPW393234 MFS393233:MGA393234 LVW393233:LWE393234 LMA393233:LMI393234 LCE393233:LCM393234 KSI393233:KSQ393234 KIM393233:KIU393234 JYQ393233:JYY393234 JOU393233:JPC393234 JEY393233:JFG393234 IVC393233:IVK393234 ILG393233:ILO393234 IBK393233:IBS393234 HRO393233:HRW393234 HHS393233:HIA393234 GXW393233:GYE393234 GOA393233:GOI393234 GEE393233:GEM393234 FUI393233:FUQ393234 FKM393233:FKU393234 FAQ393233:FAY393234 EQU393233:ERC393234 EGY393233:EHG393234 DXC393233:DXK393234 DNG393233:DNO393234 DDK393233:DDS393234 CTO393233:CTW393234 CJS393233:CKA393234 BZW393233:CAE393234 BQA393233:BQI393234 BGE393233:BGM393234 AWI393233:AWQ393234 AMM393233:AMU393234 ACQ393233:ACY393234 SU393233:TC393234 IY393233:JG393234 E458769:L458770 WVK327697:WVS327698 WLO327697:WLW327698 WBS327697:WCA327698 VRW327697:VSE327698 VIA327697:VII327698 UYE327697:UYM327698 UOI327697:UOQ327698 UEM327697:UEU327698 TUQ327697:TUY327698 TKU327697:TLC327698 TAY327697:TBG327698 SRC327697:SRK327698 SHG327697:SHO327698 RXK327697:RXS327698 RNO327697:RNW327698 RDS327697:REA327698 QTW327697:QUE327698 QKA327697:QKI327698 QAE327697:QAM327698 PQI327697:PQQ327698 PGM327697:PGU327698 OWQ327697:OWY327698 OMU327697:ONC327698 OCY327697:ODG327698 NTC327697:NTK327698 NJG327697:NJO327698 MZK327697:MZS327698 MPO327697:MPW327698 MFS327697:MGA327698 LVW327697:LWE327698 LMA327697:LMI327698 LCE327697:LCM327698 KSI327697:KSQ327698 KIM327697:KIU327698 JYQ327697:JYY327698 JOU327697:JPC327698 JEY327697:JFG327698 IVC327697:IVK327698 ILG327697:ILO327698 IBK327697:IBS327698 HRO327697:HRW327698 HHS327697:HIA327698 GXW327697:GYE327698 GOA327697:GOI327698 GEE327697:GEM327698 FUI327697:FUQ327698 FKM327697:FKU327698 FAQ327697:FAY327698 EQU327697:ERC327698 EGY327697:EHG327698 DXC327697:DXK327698 DNG327697:DNO327698 DDK327697:DDS327698 CTO327697:CTW327698 CJS327697:CKA327698 BZW327697:CAE327698 BQA327697:BQI327698 BGE327697:BGM327698 AWI327697:AWQ327698 AMM327697:AMU327698 ACQ327697:ACY327698 SU327697:TC327698 IY327697:JG327698 E393233:L393234 WVK262161:WVS262162 WLO262161:WLW262162 WBS262161:WCA262162 VRW262161:VSE262162 VIA262161:VII262162 UYE262161:UYM262162 UOI262161:UOQ262162 UEM262161:UEU262162 TUQ262161:TUY262162 TKU262161:TLC262162 TAY262161:TBG262162 SRC262161:SRK262162 SHG262161:SHO262162 RXK262161:RXS262162 RNO262161:RNW262162 RDS262161:REA262162 QTW262161:QUE262162 QKA262161:QKI262162 QAE262161:QAM262162 PQI262161:PQQ262162 PGM262161:PGU262162 OWQ262161:OWY262162 OMU262161:ONC262162 OCY262161:ODG262162 NTC262161:NTK262162 NJG262161:NJO262162 MZK262161:MZS262162 MPO262161:MPW262162 MFS262161:MGA262162 LVW262161:LWE262162 LMA262161:LMI262162 LCE262161:LCM262162 KSI262161:KSQ262162 KIM262161:KIU262162 JYQ262161:JYY262162 JOU262161:JPC262162 JEY262161:JFG262162 IVC262161:IVK262162 ILG262161:ILO262162 IBK262161:IBS262162 HRO262161:HRW262162 HHS262161:HIA262162 GXW262161:GYE262162 GOA262161:GOI262162 GEE262161:GEM262162 FUI262161:FUQ262162 FKM262161:FKU262162 FAQ262161:FAY262162 EQU262161:ERC262162 EGY262161:EHG262162 DXC262161:DXK262162 DNG262161:DNO262162 DDK262161:DDS262162 CTO262161:CTW262162 CJS262161:CKA262162 BZW262161:CAE262162 BQA262161:BQI262162 BGE262161:BGM262162 AWI262161:AWQ262162 AMM262161:AMU262162 ACQ262161:ACY262162 SU262161:TC262162 IY262161:JG262162 E327697:L327698 WVK196625:WVS196626 WLO196625:WLW196626 WBS196625:WCA196626 VRW196625:VSE196626 VIA196625:VII196626 UYE196625:UYM196626 UOI196625:UOQ196626 UEM196625:UEU196626 TUQ196625:TUY196626 TKU196625:TLC196626 TAY196625:TBG196626 SRC196625:SRK196626 SHG196625:SHO196626 RXK196625:RXS196626 RNO196625:RNW196626 RDS196625:REA196626 QTW196625:QUE196626 QKA196625:QKI196626 QAE196625:QAM196626 PQI196625:PQQ196626 PGM196625:PGU196626 OWQ196625:OWY196626 OMU196625:ONC196626 OCY196625:ODG196626 NTC196625:NTK196626 NJG196625:NJO196626 MZK196625:MZS196626 MPO196625:MPW196626 MFS196625:MGA196626 LVW196625:LWE196626 LMA196625:LMI196626 LCE196625:LCM196626 KSI196625:KSQ196626 KIM196625:KIU196626 JYQ196625:JYY196626 JOU196625:JPC196626 JEY196625:JFG196626 IVC196625:IVK196626 ILG196625:ILO196626 IBK196625:IBS196626 HRO196625:HRW196626 HHS196625:HIA196626 GXW196625:GYE196626 GOA196625:GOI196626 GEE196625:GEM196626 FUI196625:FUQ196626 FKM196625:FKU196626 FAQ196625:FAY196626 EQU196625:ERC196626 EGY196625:EHG196626 DXC196625:DXK196626 DNG196625:DNO196626 DDK196625:DDS196626 CTO196625:CTW196626 CJS196625:CKA196626 BZW196625:CAE196626 BQA196625:BQI196626 BGE196625:BGM196626 AWI196625:AWQ196626 AMM196625:AMU196626 ACQ196625:ACY196626 SU196625:TC196626 IY196625:JG196626 E262161:L262162 WVK131089:WVS131090 WLO131089:WLW131090 WBS131089:WCA131090 VRW131089:VSE131090 VIA131089:VII131090 UYE131089:UYM131090 UOI131089:UOQ131090 UEM131089:UEU131090 TUQ131089:TUY131090 TKU131089:TLC131090 TAY131089:TBG131090 SRC131089:SRK131090 SHG131089:SHO131090 RXK131089:RXS131090 RNO131089:RNW131090 RDS131089:REA131090 QTW131089:QUE131090 QKA131089:QKI131090 QAE131089:QAM131090 PQI131089:PQQ131090 PGM131089:PGU131090 OWQ131089:OWY131090 OMU131089:ONC131090 OCY131089:ODG131090 NTC131089:NTK131090 NJG131089:NJO131090 MZK131089:MZS131090 MPO131089:MPW131090 MFS131089:MGA131090 LVW131089:LWE131090 LMA131089:LMI131090 LCE131089:LCM131090 KSI131089:KSQ131090 KIM131089:KIU131090 JYQ131089:JYY131090 JOU131089:JPC131090 JEY131089:JFG131090 IVC131089:IVK131090 ILG131089:ILO131090 IBK131089:IBS131090 HRO131089:HRW131090 HHS131089:HIA131090 GXW131089:GYE131090 GOA131089:GOI131090 GEE131089:GEM131090 FUI131089:FUQ131090 FKM131089:FKU131090 FAQ131089:FAY131090 EQU131089:ERC131090 EGY131089:EHG131090 DXC131089:DXK131090 DNG131089:DNO131090 DDK131089:DDS131090 CTO131089:CTW131090 CJS131089:CKA131090 BZW131089:CAE131090 BQA131089:BQI131090 BGE131089:BGM131090 AWI131089:AWQ131090 AMM131089:AMU131090 ACQ131089:ACY131090 SU131089:TC131090 IY131089:JG131090 E196625:L196626 WVK65553:WVS65554 WLO65553:WLW65554 WBS65553:WCA65554 VRW65553:VSE65554 VIA65553:VII65554 UYE65553:UYM65554 UOI65553:UOQ65554 UEM65553:UEU65554 TUQ65553:TUY65554 TKU65553:TLC65554 TAY65553:TBG65554 SRC65553:SRK65554 SHG65553:SHO65554 RXK65553:RXS65554 RNO65553:RNW65554 RDS65553:REA65554 QTW65553:QUE65554 QKA65553:QKI65554 QAE65553:QAM65554 PQI65553:PQQ65554 PGM65553:PGU65554 OWQ65553:OWY65554 OMU65553:ONC65554 OCY65553:ODG65554 NTC65553:NTK65554 NJG65553:NJO65554 MZK65553:MZS65554 MPO65553:MPW65554 MFS65553:MGA65554 LVW65553:LWE65554 LMA65553:LMI65554 LCE65553:LCM65554 KSI65553:KSQ65554 KIM65553:KIU65554 JYQ65553:JYY65554 JOU65553:JPC65554 JEY65553:JFG65554 IVC65553:IVK65554 ILG65553:ILO65554 IBK65553:IBS65554 HRO65553:HRW65554 HHS65553:HIA65554 GXW65553:GYE65554 GOA65553:GOI65554 GEE65553:GEM65554 FUI65553:FUQ65554 FKM65553:FKU65554 FAQ65553:FAY65554 EQU65553:ERC65554 EGY65553:EHG65554 DXC65553:DXK65554 DNG65553:DNO65554 DDK65553:DDS65554 CTO65553:CTW65554 CJS65553:CKA65554 BZW65553:CAE65554 BQA65553:BQI65554 BGE65553:BGM65554 AWI65553:AWQ65554 AMM65553:AMU65554 ACQ65553:ACY65554 SU65553:TC65554 IY65553:JG65554 E131089:L131090 WVK17:WVS18 WLO17:WLW18 WBS17:WCA18 VRW17:VSE18 VIA17:VII18 UYE17:UYM18 UOI17:UOQ18 UEM17:UEU18 TUQ17:TUY18 TKU17:TLC18 TAY17:TBG18 SRC17:SRK18 SHG17:SHO18 RXK17:RXS18 RNO17:RNW18 RDS17:REA18 QTW17:QUE18 QKA17:QKI18 QAE17:QAM18 PQI17:PQQ18 PGM17:PGU18 OWQ17:OWY18 OMU17:ONC18 OCY17:ODG18 NTC17:NTK18 NJG17:NJO18 MZK17:MZS18 MPO17:MPW18 MFS17:MGA18 LVW17:LWE18 LMA17:LMI18 LCE17:LCM18 KSI17:KSQ18 KIM17:KIU18 JYQ17:JYY18 JOU17:JPC18 JEY17:JFG18 IVC17:IVK18 ILG17:ILO18 IBK17:IBS18 HRO17:HRW18 HHS17:HIA18 GXW17:GYE18 GOA17:GOI18 GEE17:GEM18 FUI17:FUQ18 FKM17:FKU18 FAQ17:FAY18 EQU17:ERC18 EGY17:EHG18 DXC17:DXK18 DNG17:DNO18 DDK17:DDS18 CTO17:CTW18 CJS17:CKA18 BZW17:CAE18 BQA17:BQI18 BGE17:BGM18 AWI17:AWQ18 AMM17:AMU18 ACQ17:ACY18 SU17:TC18 IY17:JG18 E65553:L65554 WVZ983057:WWB983058 WMD983057:WMF983058 WCH983057:WCJ983058 VSL983057:VSN983058 VIP983057:VIR983058 UYT983057:UYV983058 UOX983057:UOZ983058 UFB983057:UFD983058 TVF983057:TVH983058 TLJ983057:TLL983058 TBN983057:TBP983058 SRR983057:SRT983058 SHV983057:SHX983058 RXZ983057:RYB983058 ROD983057:ROF983058 REH983057:REJ983058 QUL983057:QUN983058 QKP983057:QKR983058 QAT983057:QAV983058 PQX983057:PQZ983058 PHB983057:PHD983058 OXF983057:OXH983058 ONJ983057:ONL983058 ODN983057:ODP983058 NTR983057:NTT983058 NJV983057:NJX983058 MZZ983057:NAB983058 MQD983057:MQF983058 MGH983057:MGJ983058 LWL983057:LWN983058 LMP983057:LMR983058 LCT983057:LCV983058 KSX983057:KSZ983058 KJB983057:KJD983058 JZF983057:JZH983058 JPJ983057:JPL983058 JFN983057:JFP983058 IVR983057:IVT983058 ILV983057:ILX983058 IBZ983057:ICB983058 HSD983057:HSF983058 HIH983057:HIJ983058 GYL983057:GYN983058 GOP983057:GOR983058 GET983057:GEV983058 FUX983057:FUZ983058 FLB983057:FLD983058 FBF983057:FBH983058 ERJ983057:ERL983058 EHN983057:EHP983058 DXR983057:DXT983058 DNV983057:DNX983058 DDZ983057:DEB983058 CUD983057:CUF983058 CKH983057:CKJ983058 CAL983057:CAN983058 BQP983057:BQR983058 BGT983057:BGV983058 AWX983057:AWZ983058 ANB983057:AND983058 ADF983057:ADH983058 TJ983057:TL983058 JN983057:JP983058 S983057:U983058 WVZ917521:WWB917522 WMD917521:WMF917522 WCH917521:WCJ917522 VSL917521:VSN917522 VIP917521:VIR917522 UYT917521:UYV917522 UOX917521:UOZ917522 UFB917521:UFD917522 TVF917521:TVH917522 TLJ917521:TLL917522 TBN917521:TBP917522 SRR917521:SRT917522 SHV917521:SHX917522 RXZ917521:RYB917522 ROD917521:ROF917522 REH917521:REJ917522 QUL917521:QUN917522 QKP917521:QKR917522 QAT917521:QAV917522 PQX917521:PQZ917522 PHB917521:PHD917522 OXF917521:OXH917522 ONJ917521:ONL917522 ODN917521:ODP917522 NTR917521:NTT917522 NJV917521:NJX917522 MZZ917521:NAB917522 MQD917521:MQF917522 MGH917521:MGJ917522 LWL917521:LWN917522 LMP917521:LMR917522 LCT917521:LCV917522 KSX917521:KSZ917522 KJB917521:KJD917522 JZF917521:JZH917522 JPJ917521:JPL917522 JFN917521:JFP917522 IVR917521:IVT917522 ILV917521:ILX917522 IBZ917521:ICB917522 HSD917521:HSF917522 HIH917521:HIJ917522 GYL917521:GYN917522 GOP917521:GOR917522 GET917521:GEV917522 FUX917521:FUZ917522 FLB917521:FLD917522 FBF917521:FBH917522 ERJ917521:ERL917522 EHN917521:EHP917522 DXR917521:DXT917522 DNV917521:DNX917522 DDZ917521:DEB917522 CUD917521:CUF917522 CKH917521:CKJ917522 CAL917521:CAN917522 BQP917521:BQR917522 BGT917521:BGV917522 AWX917521:AWZ917522 ANB917521:AND917522 ADF917521:ADH917522 TJ917521:TL917522 JN917521:JP917522 S917521:U917522 WVZ851985:WWB851986 WMD851985:WMF851986 WCH851985:WCJ851986 VSL851985:VSN851986 VIP851985:VIR851986 UYT851985:UYV851986 UOX851985:UOZ851986 UFB851985:UFD851986 TVF851985:TVH851986 TLJ851985:TLL851986 TBN851985:TBP851986 SRR851985:SRT851986 SHV851985:SHX851986 RXZ851985:RYB851986 ROD851985:ROF851986 REH851985:REJ851986 QUL851985:QUN851986 QKP851985:QKR851986 QAT851985:QAV851986 PQX851985:PQZ851986 PHB851985:PHD851986 OXF851985:OXH851986 ONJ851985:ONL851986 ODN851985:ODP851986 NTR851985:NTT851986 NJV851985:NJX851986 MZZ851985:NAB851986 MQD851985:MQF851986 MGH851985:MGJ851986 LWL851985:LWN851986 LMP851985:LMR851986 LCT851985:LCV851986 KSX851985:KSZ851986 KJB851985:KJD851986 JZF851985:JZH851986 JPJ851985:JPL851986 JFN851985:JFP851986 IVR851985:IVT851986 ILV851985:ILX851986 IBZ851985:ICB851986 HSD851985:HSF851986 HIH851985:HIJ851986 GYL851985:GYN851986 GOP851985:GOR851986 GET851985:GEV851986 FUX851985:FUZ851986 FLB851985:FLD851986 FBF851985:FBH851986 ERJ851985:ERL851986 EHN851985:EHP851986 DXR851985:DXT851986 DNV851985:DNX851986 DDZ851985:DEB851986 CUD851985:CUF851986 CKH851985:CKJ851986 CAL851985:CAN851986 BQP851985:BQR851986 BGT851985:BGV851986 AWX851985:AWZ851986 ANB851985:AND851986 ADF851985:ADH851986 TJ851985:TL851986 JN851985:JP851986 S851985:U851986 WVZ786449:WWB786450 WMD786449:WMF786450 WCH786449:WCJ786450 VSL786449:VSN786450 VIP786449:VIR786450 UYT786449:UYV786450 UOX786449:UOZ786450 UFB786449:UFD786450 TVF786449:TVH786450 TLJ786449:TLL786450 TBN786449:TBP786450 SRR786449:SRT786450 SHV786449:SHX786450 RXZ786449:RYB786450 ROD786449:ROF786450 REH786449:REJ786450 QUL786449:QUN786450 QKP786449:QKR786450 QAT786449:QAV786450 PQX786449:PQZ786450 PHB786449:PHD786450 OXF786449:OXH786450 ONJ786449:ONL786450 ODN786449:ODP786450 NTR786449:NTT786450 NJV786449:NJX786450 MZZ786449:NAB786450 MQD786449:MQF786450 MGH786449:MGJ786450 LWL786449:LWN786450 LMP786449:LMR786450 LCT786449:LCV786450 KSX786449:KSZ786450 KJB786449:KJD786450 JZF786449:JZH786450 JPJ786449:JPL786450 JFN786449:JFP786450 IVR786449:IVT786450 ILV786449:ILX786450 IBZ786449:ICB786450 HSD786449:HSF786450 HIH786449:HIJ786450 GYL786449:GYN786450 GOP786449:GOR786450 GET786449:GEV786450 FUX786449:FUZ786450 FLB786449:FLD786450 FBF786449:FBH786450 ERJ786449:ERL786450 EHN786449:EHP786450 DXR786449:DXT786450 DNV786449:DNX786450 DDZ786449:DEB786450 CUD786449:CUF786450 CKH786449:CKJ786450 CAL786449:CAN786450 BQP786449:BQR786450 BGT786449:BGV786450 AWX786449:AWZ786450 ANB786449:AND786450 ADF786449:ADH786450 TJ786449:TL786450 JN786449:JP786450 S786449:U786450 WVZ720913:WWB720914 WMD720913:WMF720914 WCH720913:WCJ720914 VSL720913:VSN720914 VIP720913:VIR720914 UYT720913:UYV720914 UOX720913:UOZ720914 UFB720913:UFD720914 TVF720913:TVH720914 TLJ720913:TLL720914 TBN720913:TBP720914 SRR720913:SRT720914 SHV720913:SHX720914 RXZ720913:RYB720914 ROD720913:ROF720914 REH720913:REJ720914 QUL720913:QUN720914 QKP720913:QKR720914 QAT720913:QAV720914 PQX720913:PQZ720914 PHB720913:PHD720914 OXF720913:OXH720914 ONJ720913:ONL720914 ODN720913:ODP720914 NTR720913:NTT720914 NJV720913:NJX720914 MZZ720913:NAB720914 MQD720913:MQF720914 MGH720913:MGJ720914 LWL720913:LWN720914 LMP720913:LMR720914 LCT720913:LCV720914 KSX720913:KSZ720914 KJB720913:KJD720914 JZF720913:JZH720914 JPJ720913:JPL720914 JFN720913:JFP720914 IVR720913:IVT720914 ILV720913:ILX720914 IBZ720913:ICB720914 HSD720913:HSF720914 HIH720913:HIJ720914 GYL720913:GYN720914 GOP720913:GOR720914 GET720913:GEV720914 FUX720913:FUZ720914 FLB720913:FLD720914 FBF720913:FBH720914 ERJ720913:ERL720914 EHN720913:EHP720914 DXR720913:DXT720914 DNV720913:DNX720914 DDZ720913:DEB720914 CUD720913:CUF720914 CKH720913:CKJ720914 CAL720913:CAN720914 BQP720913:BQR720914 BGT720913:BGV720914 AWX720913:AWZ720914 ANB720913:AND720914 ADF720913:ADH720914 TJ720913:TL720914 JN720913:JP720914 S720913:U720914 WVZ655377:WWB655378 WMD655377:WMF655378 WCH655377:WCJ655378 VSL655377:VSN655378 VIP655377:VIR655378 UYT655377:UYV655378 UOX655377:UOZ655378 UFB655377:UFD655378 TVF655377:TVH655378 TLJ655377:TLL655378 TBN655377:TBP655378 SRR655377:SRT655378 SHV655377:SHX655378 RXZ655377:RYB655378 ROD655377:ROF655378 REH655377:REJ655378 QUL655377:QUN655378 QKP655377:QKR655378 QAT655377:QAV655378 PQX655377:PQZ655378 PHB655377:PHD655378 OXF655377:OXH655378 ONJ655377:ONL655378 ODN655377:ODP655378 NTR655377:NTT655378 NJV655377:NJX655378 MZZ655377:NAB655378 MQD655377:MQF655378 MGH655377:MGJ655378 LWL655377:LWN655378 LMP655377:LMR655378 LCT655377:LCV655378 KSX655377:KSZ655378 KJB655377:KJD655378 JZF655377:JZH655378 JPJ655377:JPL655378 JFN655377:JFP655378 IVR655377:IVT655378 ILV655377:ILX655378 IBZ655377:ICB655378 HSD655377:HSF655378 HIH655377:HIJ655378 GYL655377:GYN655378 GOP655377:GOR655378 GET655377:GEV655378 FUX655377:FUZ655378 FLB655377:FLD655378 FBF655377:FBH655378 ERJ655377:ERL655378 EHN655377:EHP655378 DXR655377:DXT655378 DNV655377:DNX655378 DDZ655377:DEB655378 CUD655377:CUF655378 CKH655377:CKJ655378 CAL655377:CAN655378 BQP655377:BQR655378 BGT655377:BGV655378 AWX655377:AWZ655378 ANB655377:AND655378 ADF655377:ADH655378 TJ655377:TL655378 JN655377:JP655378 S655377:U655378 WVZ589841:WWB589842 WMD589841:WMF589842 WCH589841:WCJ589842 VSL589841:VSN589842 VIP589841:VIR589842 UYT589841:UYV589842 UOX589841:UOZ589842 UFB589841:UFD589842 TVF589841:TVH589842 TLJ589841:TLL589842 TBN589841:TBP589842 SRR589841:SRT589842 SHV589841:SHX589842 RXZ589841:RYB589842 ROD589841:ROF589842 REH589841:REJ589842 QUL589841:QUN589842 QKP589841:QKR589842 QAT589841:QAV589842 PQX589841:PQZ589842 PHB589841:PHD589842 OXF589841:OXH589842 ONJ589841:ONL589842 ODN589841:ODP589842 NTR589841:NTT589842 NJV589841:NJX589842 MZZ589841:NAB589842 MQD589841:MQF589842 MGH589841:MGJ589842 LWL589841:LWN589842 LMP589841:LMR589842 LCT589841:LCV589842 KSX589841:KSZ589842 KJB589841:KJD589842 JZF589841:JZH589842 JPJ589841:JPL589842 JFN589841:JFP589842 IVR589841:IVT589842 ILV589841:ILX589842 IBZ589841:ICB589842 HSD589841:HSF589842 HIH589841:HIJ589842 GYL589841:GYN589842 GOP589841:GOR589842 GET589841:GEV589842 FUX589841:FUZ589842 FLB589841:FLD589842 FBF589841:FBH589842 ERJ589841:ERL589842 EHN589841:EHP589842 DXR589841:DXT589842 DNV589841:DNX589842 DDZ589841:DEB589842 CUD589841:CUF589842 CKH589841:CKJ589842 CAL589841:CAN589842 BQP589841:BQR589842 BGT589841:BGV589842 AWX589841:AWZ589842 ANB589841:AND589842 ADF589841:ADH589842 TJ589841:TL589842 JN589841:JP589842 S589841:U589842 WVZ524305:WWB524306 WMD524305:WMF524306 WCH524305:WCJ524306 VSL524305:VSN524306 VIP524305:VIR524306 UYT524305:UYV524306 UOX524305:UOZ524306 UFB524305:UFD524306 TVF524305:TVH524306 TLJ524305:TLL524306 TBN524305:TBP524306 SRR524305:SRT524306 SHV524305:SHX524306 RXZ524305:RYB524306 ROD524305:ROF524306 REH524305:REJ524306 QUL524305:QUN524306 QKP524305:QKR524306 QAT524305:QAV524306 PQX524305:PQZ524306 PHB524305:PHD524306 OXF524305:OXH524306 ONJ524305:ONL524306 ODN524305:ODP524306 NTR524305:NTT524306 NJV524305:NJX524306 MZZ524305:NAB524306 MQD524305:MQF524306 MGH524305:MGJ524306 LWL524305:LWN524306 LMP524305:LMR524306 LCT524305:LCV524306 KSX524305:KSZ524306 KJB524305:KJD524306 JZF524305:JZH524306 JPJ524305:JPL524306 JFN524305:JFP524306 IVR524305:IVT524306 ILV524305:ILX524306 IBZ524305:ICB524306 HSD524305:HSF524306 HIH524305:HIJ524306 GYL524305:GYN524306 GOP524305:GOR524306 GET524305:GEV524306 FUX524305:FUZ524306 FLB524305:FLD524306 FBF524305:FBH524306 ERJ524305:ERL524306 EHN524305:EHP524306 DXR524305:DXT524306 DNV524305:DNX524306 DDZ524305:DEB524306 CUD524305:CUF524306 CKH524305:CKJ524306 CAL524305:CAN524306 BQP524305:BQR524306 BGT524305:BGV524306 AWX524305:AWZ524306 ANB524305:AND524306 ADF524305:ADH524306 TJ524305:TL524306 JN524305:JP524306 S524305:U524306 WVZ458769:WWB458770 WMD458769:WMF458770 WCH458769:WCJ458770 VSL458769:VSN458770 VIP458769:VIR458770 UYT458769:UYV458770 UOX458769:UOZ458770 UFB458769:UFD458770 TVF458769:TVH458770 TLJ458769:TLL458770 TBN458769:TBP458770 SRR458769:SRT458770 SHV458769:SHX458770 RXZ458769:RYB458770 ROD458769:ROF458770 REH458769:REJ458770 QUL458769:QUN458770 QKP458769:QKR458770 QAT458769:QAV458770 PQX458769:PQZ458770 PHB458769:PHD458770 OXF458769:OXH458770 ONJ458769:ONL458770 ODN458769:ODP458770 NTR458769:NTT458770 NJV458769:NJX458770 MZZ458769:NAB458770 MQD458769:MQF458770 MGH458769:MGJ458770 LWL458769:LWN458770 LMP458769:LMR458770 LCT458769:LCV458770 KSX458769:KSZ458770 KJB458769:KJD458770 JZF458769:JZH458770 JPJ458769:JPL458770 JFN458769:JFP458770 IVR458769:IVT458770 ILV458769:ILX458770 IBZ458769:ICB458770 HSD458769:HSF458770 HIH458769:HIJ458770 GYL458769:GYN458770 GOP458769:GOR458770 GET458769:GEV458770 FUX458769:FUZ458770 FLB458769:FLD458770 FBF458769:FBH458770 ERJ458769:ERL458770 EHN458769:EHP458770 DXR458769:DXT458770 DNV458769:DNX458770 DDZ458769:DEB458770 CUD458769:CUF458770 CKH458769:CKJ458770 CAL458769:CAN458770 BQP458769:BQR458770 BGT458769:BGV458770 AWX458769:AWZ458770 ANB458769:AND458770 ADF458769:ADH458770 TJ458769:TL458770 JN458769:JP458770 S458769:U458770 WVZ393233:WWB393234 WMD393233:WMF393234 WCH393233:WCJ393234 VSL393233:VSN393234 VIP393233:VIR393234 UYT393233:UYV393234 UOX393233:UOZ393234 UFB393233:UFD393234 TVF393233:TVH393234 TLJ393233:TLL393234 TBN393233:TBP393234 SRR393233:SRT393234 SHV393233:SHX393234 RXZ393233:RYB393234 ROD393233:ROF393234 REH393233:REJ393234 QUL393233:QUN393234 QKP393233:QKR393234 QAT393233:QAV393234 PQX393233:PQZ393234 PHB393233:PHD393234 OXF393233:OXH393234 ONJ393233:ONL393234 ODN393233:ODP393234 NTR393233:NTT393234 NJV393233:NJX393234 MZZ393233:NAB393234 MQD393233:MQF393234 MGH393233:MGJ393234 LWL393233:LWN393234 LMP393233:LMR393234 LCT393233:LCV393234 KSX393233:KSZ393234 KJB393233:KJD393234 JZF393233:JZH393234 JPJ393233:JPL393234 JFN393233:JFP393234 IVR393233:IVT393234 ILV393233:ILX393234 IBZ393233:ICB393234 HSD393233:HSF393234 HIH393233:HIJ393234 GYL393233:GYN393234 GOP393233:GOR393234 GET393233:GEV393234 FUX393233:FUZ393234 FLB393233:FLD393234 FBF393233:FBH393234 ERJ393233:ERL393234 EHN393233:EHP393234 DXR393233:DXT393234 DNV393233:DNX393234 DDZ393233:DEB393234 CUD393233:CUF393234 CKH393233:CKJ393234 CAL393233:CAN393234 BQP393233:BQR393234 BGT393233:BGV393234 AWX393233:AWZ393234 ANB393233:AND393234 ADF393233:ADH393234 TJ393233:TL393234 JN393233:JP393234 S393233:U393234 WVZ327697:WWB327698 WMD327697:WMF327698 WCH327697:WCJ327698 VSL327697:VSN327698 VIP327697:VIR327698 UYT327697:UYV327698 UOX327697:UOZ327698 UFB327697:UFD327698 TVF327697:TVH327698 TLJ327697:TLL327698 TBN327697:TBP327698 SRR327697:SRT327698 SHV327697:SHX327698 RXZ327697:RYB327698 ROD327697:ROF327698 REH327697:REJ327698 QUL327697:QUN327698 QKP327697:QKR327698 QAT327697:QAV327698 PQX327697:PQZ327698 PHB327697:PHD327698 OXF327697:OXH327698 ONJ327697:ONL327698 ODN327697:ODP327698 NTR327697:NTT327698 NJV327697:NJX327698 MZZ327697:NAB327698 MQD327697:MQF327698 MGH327697:MGJ327698 LWL327697:LWN327698 LMP327697:LMR327698 LCT327697:LCV327698 KSX327697:KSZ327698 KJB327697:KJD327698 JZF327697:JZH327698 JPJ327697:JPL327698 JFN327697:JFP327698 IVR327697:IVT327698 ILV327697:ILX327698 IBZ327697:ICB327698 HSD327697:HSF327698 HIH327697:HIJ327698 GYL327697:GYN327698 GOP327697:GOR327698 GET327697:GEV327698 FUX327697:FUZ327698 FLB327697:FLD327698 FBF327697:FBH327698 ERJ327697:ERL327698 EHN327697:EHP327698 DXR327697:DXT327698 DNV327697:DNX327698 DDZ327697:DEB327698 CUD327697:CUF327698 CKH327697:CKJ327698 CAL327697:CAN327698 BQP327697:BQR327698 BGT327697:BGV327698 AWX327697:AWZ327698 ANB327697:AND327698 ADF327697:ADH327698 TJ327697:TL327698 JN327697:JP327698 S327697:U327698 WVZ262161:WWB262162 WMD262161:WMF262162 WCH262161:WCJ262162 VSL262161:VSN262162 VIP262161:VIR262162 UYT262161:UYV262162 UOX262161:UOZ262162 UFB262161:UFD262162 TVF262161:TVH262162 TLJ262161:TLL262162 TBN262161:TBP262162 SRR262161:SRT262162 SHV262161:SHX262162 RXZ262161:RYB262162 ROD262161:ROF262162 REH262161:REJ262162 QUL262161:QUN262162 QKP262161:QKR262162 QAT262161:QAV262162 PQX262161:PQZ262162 PHB262161:PHD262162 OXF262161:OXH262162 ONJ262161:ONL262162 ODN262161:ODP262162 NTR262161:NTT262162 NJV262161:NJX262162 MZZ262161:NAB262162 MQD262161:MQF262162 MGH262161:MGJ262162 LWL262161:LWN262162 LMP262161:LMR262162 LCT262161:LCV262162 KSX262161:KSZ262162 KJB262161:KJD262162 JZF262161:JZH262162 JPJ262161:JPL262162 JFN262161:JFP262162 IVR262161:IVT262162 ILV262161:ILX262162 IBZ262161:ICB262162 HSD262161:HSF262162 HIH262161:HIJ262162 GYL262161:GYN262162 GOP262161:GOR262162 GET262161:GEV262162 FUX262161:FUZ262162 FLB262161:FLD262162 FBF262161:FBH262162 ERJ262161:ERL262162 EHN262161:EHP262162 DXR262161:DXT262162 DNV262161:DNX262162 DDZ262161:DEB262162 CUD262161:CUF262162 CKH262161:CKJ262162 CAL262161:CAN262162 BQP262161:BQR262162 BGT262161:BGV262162 AWX262161:AWZ262162 ANB262161:AND262162 ADF262161:ADH262162 TJ262161:TL262162 JN262161:JP262162 S262161:U262162 WVZ196625:WWB196626 WMD196625:WMF196626 WCH196625:WCJ196626 VSL196625:VSN196626 VIP196625:VIR196626 UYT196625:UYV196626 UOX196625:UOZ196626 UFB196625:UFD196626 TVF196625:TVH196626 TLJ196625:TLL196626 TBN196625:TBP196626 SRR196625:SRT196626 SHV196625:SHX196626 RXZ196625:RYB196626 ROD196625:ROF196626 REH196625:REJ196626 QUL196625:QUN196626 QKP196625:QKR196626 QAT196625:QAV196626 PQX196625:PQZ196626 PHB196625:PHD196626 OXF196625:OXH196626 ONJ196625:ONL196626 ODN196625:ODP196626 NTR196625:NTT196626 NJV196625:NJX196626 MZZ196625:NAB196626 MQD196625:MQF196626 MGH196625:MGJ196626 LWL196625:LWN196626 LMP196625:LMR196626 LCT196625:LCV196626 KSX196625:KSZ196626 KJB196625:KJD196626 JZF196625:JZH196626 JPJ196625:JPL196626 JFN196625:JFP196626 IVR196625:IVT196626 ILV196625:ILX196626 IBZ196625:ICB196626 HSD196625:HSF196626 HIH196625:HIJ196626 GYL196625:GYN196626 GOP196625:GOR196626 GET196625:GEV196626 FUX196625:FUZ196626 FLB196625:FLD196626 FBF196625:FBH196626 ERJ196625:ERL196626 EHN196625:EHP196626 DXR196625:DXT196626 DNV196625:DNX196626 DDZ196625:DEB196626 CUD196625:CUF196626 CKH196625:CKJ196626 CAL196625:CAN196626 BQP196625:BQR196626 BGT196625:BGV196626 AWX196625:AWZ196626 ANB196625:AND196626 ADF196625:ADH196626 TJ196625:TL196626 JN196625:JP196626 S196625:U196626 WVZ131089:WWB131090 WMD131089:WMF131090 WCH131089:WCJ131090 VSL131089:VSN131090 VIP131089:VIR131090 UYT131089:UYV131090 UOX131089:UOZ131090 UFB131089:UFD131090 TVF131089:TVH131090 TLJ131089:TLL131090 TBN131089:TBP131090 SRR131089:SRT131090 SHV131089:SHX131090 RXZ131089:RYB131090 ROD131089:ROF131090 REH131089:REJ131090 QUL131089:QUN131090 QKP131089:QKR131090 QAT131089:QAV131090 PQX131089:PQZ131090 PHB131089:PHD131090 OXF131089:OXH131090 ONJ131089:ONL131090 ODN131089:ODP131090 NTR131089:NTT131090 NJV131089:NJX131090 MZZ131089:NAB131090 MQD131089:MQF131090 MGH131089:MGJ131090 LWL131089:LWN131090 LMP131089:LMR131090 LCT131089:LCV131090 KSX131089:KSZ131090 KJB131089:KJD131090 JZF131089:JZH131090 JPJ131089:JPL131090 JFN131089:JFP131090 IVR131089:IVT131090 ILV131089:ILX131090 IBZ131089:ICB131090 HSD131089:HSF131090 HIH131089:HIJ131090 GYL131089:GYN131090 GOP131089:GOR131090 GET131089:GEV131090 FUX131089:FUZ131090 FLB131089:FLD131090 FBF131089:FBH131090 ERJ131089:ERL131090 EHN131089:EHP131090 DXR131089:DXT131090 DNV131089:DNX131090 DDZ131089:DEB131090 CUD131089:CUF131090 CKH131089:CKJ131090 CAL131089:CAN131090 BQP131089:BQR131090 BGT131089:BGV131090 AWX131089:AWZ131090 ANB131089:AND131090 ADF131089:ADH131090 TJ131089:TL131090 JN131089:JP131090 S131089:U131090 WVZ65553:WWB65554 WMD65553:WMF65554 WCH65553:WCJ65554 VSL65553:VSN65554 VIP65553:VIR65554 UYT65553:UYV65554 UOX65553:UOZ65554 UFB65553:UFD65554 TVF65553:TVH65554 TLJ65553:TLL65554 TBN65553:TBP65554 SRR65553:SRT65554 SHV65553:SHX65554 RXZ65553:RYB65554 ROD65553:ROF65554 REH65553:REJ65554 QUL65553:QUN65554 QKP65553:QKR65554 QAT65553:QAV65554 PQX65553:PQZ65554 PHB65553:PHD65554 OXF65553:OXH65554 ONJ65553:ONL65554 ODN65553:ODP65554 NTR65553:NTT65554 NJV65553:NJX65554 MZZ65553:NAB65554 MQD65553:MQF65554 MGH65553:MGJ65554 LWL65553:LWN65554 LMP65553:LMR65554 LCT65553:LCV65554 KSX65553:KSZ65554 KJB65553:KJD65554 JZF65553:JZH65554 JPJ65553:JPL65554 JFN65553:JFP65554 IVR65553:IVT65554 ILV65553:ILX65554 IBZ65553:ICB65554 HSD65553:HSF65554 HIH65553:HIJ65554 GYL65553:GYN65554 GOP65553:GOR65554 GET65553:GEV65554 FUX65553:FUZ65554 FLB65553:FLD65554 FBF65553:FBH65554 ERJ65553:ERL65554 EHN65553:EHP65554 DXR65553:DXT65554 DNV65553:DNX65554 DDZ65553:DEB65554 CUD65553:CUF65554 CKH65553:CKJ65554 CAL65553:CAN65554 BQP65553:BQR65554 BGT65553:BGV65554 AWX65553:AWZ65554 ANB65553:AND65554 ADF65553:ADH65554 TJ65553:TL65554 JN65553:JP65554 S65553:U65554 WVZ17:WWB18 WMD17:WMF18 WCH17:WCJ18 VSL17:VSN18 VIP17:VIR18 UYT17:UYV18 UOX17:UOZ18 UFB17:UFD18 TVF17:TVH18 TLJ17:TLL18 TBN17:TBP18 SRR17:SRT18 SHV17:SHX18 RXZ17:RYB18 ROD17:ROF18 REH17:REJ18 QUL17:QUN18 QKP17:QKR18 QAT17:QAV18 PQX17:PQZ18 PHB17:PHD18 OXF17:OXH18 ONJ17:ONL18 ODN17:ODP18 NTR17:NTT18 NJV17:NJX18 MZZ17:NAB18 MQD17:MQF18 MGH17:MGJ18 LWL17:LWN18 LMP17:LMR18 LCT17:LCV18 KSX17:KSZ18 KJB17:KJD18 JZF17:JZH18 JPJ17:JPL18 JFN17:JFP18 IVR17:IVT18 ILV17:ILX18 IBZ17:ICB18 HSD17:HSF18 HIH17:HIJ18 GYL17:GYN18 GOP17:GOR18 GET17:GEV18 FUX17:FUZ18 FLB17:FLD18 FBF17:FBH18 ERJ17:ERL18 EHN17:EHP18 DXR17:DXT18 DNV17:DNX18 DDZ17:DEB18 CUD17:CUF18 CKH17:CKJ18 CAL17:CAN18 BQP17:BQR18 BGT17:BGV18 AWX17:AWZ18 ANB17:AND18 ADF17:ADH18 TJ17:TL18 JN17:JP18 N17:Q18 WVU983057:WVX983058 WLY983057:WMB983058 WCC983057:WCF983058 VSG983057:VSJ983058 VIK983057:VIN983058 UYO983057:UYR983058 UOS983057:UOV983058 UEW983057:UEZ983058 TVA983057:TVD983058 TLE983057:TLH983058 TBI983057:TBL983058 SRM983057:SRP983058 SHQ983057:SHT983058 RXU983057:RXX983058 RNY983057:ROB983058 REC983057:REF983058 QUG983057:QUJ983058 QKK983057:QKN983058 QAO983057:QAR983058 PQS983057:PQV983058 PGW983057:PGZ983058 OXA983057:OXD983058 ONE983057:ONH983058 ODI983057:ODL983058 NTM983057:NTP983058 NJQ983057:NJT983058 MZU983057:MZX983058 MPY983057:MQB983058 MGC983057:MGF983058 LWG983057:LWJ983058 LMK983057:LMN983058 LCO983057:LCR983058 KSS983057:KSV983058 KIW983057:KIZ983058 JZA983057:JZD983058 JPE983057:JPH983058 JFI983057:JFL983058 IVM983057:IVP983058 ILQ983057:ILT983058 IBU983057:IBX983058 HRY983057:HSB983058 HIC983057:HIF983058 GYG983057:GYJ983058 GOK983057:GON983058 GEO983057:GER983058 FUS983057:FUV983058 FKW983057:FKZ983058 FBA983057:FBD983058 ERE983057:ERH983058 EHI983057:EHL983058 DXM983057:DXP983058 DNQ983057:DNT983058 DDU983057:DDX983058 CTY983057:CUB983058 CKC983057:CKF983058 CAG983057:CAJ983058 BQK983057:BQN983058 BGO983057:BGR983058 AWS983057:AWV983058 AMW983057:AMZ983058 ADA983057:ADD983058 TE983057:TH983058 JI983057:JL983058 N983057:Q983058 WVU917521:WVX917522 WLY917521:WMB917522 WCC917521:WCF917522 VSG917521:VSJ917522 VIK917521:VIN917522 UYO917521:UYR917522 UOS917521:UOV917522 UEW917521:UEZ917522 TVA917521:TVD917522 TLE917521:TLH917522 TBI917521:TBL917522 SRM917521:SRP917522 SHQ917521:SHT917522 RXU917521:RXX917522 RNY917521:ROB917522 REC917521:REF917522 QUG917521:QUJ917522 QKK917521:QKN917522 QAO917521:QAR917522 PQS917521:PQV917522 PGW917521:PGZ917522 OXA917521:OXD917522 ONE917521:ONH917522 ODI917521:ODL917522 NTM917521:NTP917522 NJQ917521:NJT917522 MZU917521:MZX917522 MPY917521:MQB917522 MGC917521:MGF917522 LWG917521:LWJ917522 LMK917521:LMN917522 LCO917521:LCR917522 KSS917521:KSV917522 KIW917521:KIZ917522 JZA917521:JZD917522 JPE917521:JPH917522 JFI917521:JFL917522 IVM917521:IVP917522 ILQ917521:ILT917522 IBU917521:IBX917522 HRY917521:HSB917522 HIC917521:HIF917522 GYG917521:GYJ917522 GOK917521:GON917522 GEO917521:GER917522 FUS917521:FUV917522 FKW917521:FKZ917522 FBA917521:FBD917522 ERE917521:ERH917522 EHI917521:EHL917522 DXM917521:DXP917522 DNQ917521:DNT917522 DDU917521:DDX917522 CTY917521:CUB917522 CKC917521:CKF917522 CAG917521:CAJ917522 BQK917521:BQN917522 BGO917521:BGR917522 AWS917521:AWV917522 AMW917521:AMZ917522 ADA917521:ADD917522 TE917521:TH917522 JI917521:JL917522 N917521:Q917522 WVU851985:WVX851986 WLY851985:WMB851986 WCC851985:WCF851986 VSG851985:VSJ851986 VIK851985:VIN851986 UYO851985:UYR851986 UOS851985:UOV851986 UEW851985:UEZ851986 TVA851985:TVD851986 TLE851985:TLH851986 TBI851985:TBL851986 SRM851985:SRP851986 SHQ851985:SHT851986 RXU851985:RXX851986 RNY851985:ROB851986 REC851985:REF851986 QUG851985:QUJ851986 QKK851985:QKN851986 QAO851985:QAR851986 PQS851985:PQV851986 PGW851985:PGZ851986 OXA851985:OXD851986 ONE851985:ONH851986 ODI851985:ODL851986 NTM851985:NTP851986 NJQ851985:NJT851986 MZU851985:MZX851986 MPY851985:MQB851986 MGC851985:MGF851986 LWG851985:LWJ851986 LMK851985:LMN851986 LCO851985:LCR851986 KSS851985:KSV851986 KIW851985:KIZ851986 JZA851985:JZD851986 JPE851985:JPH851986 JFI851985:JFL851986 IVM851985:IVP851986 ILQ851985:ILT851986 IBU851985:IBX851986 HRY851985:HSB851986 HIC851985:HIF851986 GYG851985:GYJ851986 GOK851985:GON851986 GEO851985:GER851986 FUS851985:FUV851986 FKW851985:FKZ851986 FBA851985:FBD851986 ERE851985:ERH851986 EHI851985:EHL851986 DXM851985:DXP851986 DNQ851985:DNT851986 DDU851985:DDX851986 CTY851985:CUB851986 CKC851985:CKF851986 CAG851985:CAJ851986 BQK851985:BQN851986 BGO851985:BGR851986 AWS851985:AWV851986 AMW851985:AMZ851986 ADA851985:ADD851986 TE851985:TH851986 JI851985:JL851986 N851985:Q851986 WVU786449:WVX786450 WLY786449:WMB786450 WCC786449:WCF786450 VSG786449:VSJ786450 VIK786449:VIN786450 UYO786449:UYR786450 UOS786449:UOV786450 UEW786449:UEZ786450 TVA786449:TVD786450 TLE786449:TLH786450 TBI786449:TBL786450 SRM786449:SRP786450 SHQ786449:SHT786450 RXU786449:RXX786450 RNY786449:ROB786450 REC786449:REF786450 QUG786449:QUJ786450 QKK786449:QKN786450 QAO786449:QAR786450 PQS786449:PQV786450 PGW786449:PGZ786450 OXA786449:OXD786450 ONE786449:ONH786450 ODI786449:ODL786450 NTM786449:NTP786450 NJQ786449:NJT786450 MZU786449:MZX786450 MPY786449:MQB786450 MGC786449:MGF786450 LWG786449:LWJ786450 LMK786449:LMN786450 LCO786449:LCR786450 KSS786449:KSV786450 KIW786449:KIZ786450 JZA786449:JZD786450 JPE786449:JPH786450 JFI786449:JFL786450 IVM786449:IVP786450 ILQ786449:ILT786450 IBU786449:IBX786450 HRY786449:HSB786450 HIC786449:HIF786450 GYG786449:GYJ786450 GOK786449:GON786450 GEO786449:GER786450 FUS786449:FUV786450 FKW786449:FKZ786450 FBA786449:FBD786450 ERE786449:ERH786450 EHI786449:EHL786450 DXM786449:DXP786450 DNQ786449:DNT786450 DDU786449:DDX786450 CTY786449:CUB786450 CKC786449:CKF786450 CAG786449:CAJ786450 BQK786449:BQN786450 BGO786449:BGR786450 AWS786449:AWV786450 AMW786449:AMZ786450 ADA786449:ADD786450 TE786449:TH786450 JI786449:JL786450 N786449:Q786450 WVU720913:WVX720914 WLY720913:WMB720914 WCC720913:WCF720914 VSG720913:VSJ720914 VIK720913:VIN720914 UYO720913:UYR720914 UOS720913:UOV720914 UEW720913:UEZ720914 TVA720913:TVD720914 TLE720913:TLH720914 TBI720913:TBL720914 SRM720913:SRP720914 SHQ720913:SHT720914 RXU720913:RXX720914 RNY720913:ROB720914 REC720913:REF720914 QUG720913:QUJ720914 QKK720913:QKN720914 QAO720913:QAR720914 PQS720913:PQV720914 PGW720913:PGZ720914 OXA720913:OXD720914 ONE720913:ONH720914 ODI720913:ODL720914 NTM720913:NTP720914 NJQ720913:NJT720914 MZU720913:MZX720914 MPY720913:MQB720914 MGC720913:MGF720914 LWG720913:LWJ720914 LMK720913:LMN720914 LCO720913:LCR720914 KSS720913:KSV720914 KIW720913:KIZ720914 JZA720913:JZD720914 JPE720913:JPH720914 JFI720913:JFL720914 IVM720913:IVP720914 ILQ720913:ILT720914 IBU720913:IBX720914 HRY720913:HSB720914 HIC720913:HIF720914 GYG720913:GYJ720914 GOK720913:GON720914 GEO720913:GER720914 FUS720913:FUV720914 FKW720913:FKZ720914 FBA720913:FBD720914 ERE720913:ERH720914 EHI720913:EHL720914 DXM720913:DXP720914 DNQ720913:DNT720914 DDU720913:DDX720914 CTY720913:CUB720914 CKC720913:CKF720914 CAG720913:CAJ720914 BQK720913:BQN720914 BGO720913:BGR720914 AWS720913:AWV720914 AMW720913:AMZ720914 ADA720913:ADD720914 TE720913:TH720914 JI720913:JL720914 N720913:Q720914 WVU655377:WVX655378 WLY655377:WMB655378 WCC655377:WCF655378 VSG655377:VSJ655378 VIK655377:VIN655378 UYO655377:UYR655378 UOS655377:UOV655378 UEW655377:UEZ655378 TVA655377:TVD655378 TLE655377:TLH655378 TBI655377:TBL655378 SRM655377:SRP655378 SHQ655377:SHT655378 RXU655377:RXX655378 RNY655377:ROB655378 REC655377:REF655378 QUG655377:QUJ655378 QKK655377:QKN655378 QAO655377:QAR655378 PQS655377:PQV655378 PGW655377:PGZ655378 OXA655377:OXD655378 ONE655377:ONH655378 ODI655377:ODL655378 NTM655377:NTP655378 NJQ655377:NJT655378 MZU655377:MZX655378 MPY655377:MQB655378 MGC655377:MGF655378 LWG655377:LWJ655378 LMK655377:LMN655378 LCO655377:LCR655378 KSS655377:KSV655378 KIW655377:KIZ655378 JZA655377:JZD655378 JPE655377:JPH655378 JFI655377:JFL655378 IVM655377:IVP655378 ILQ655377:ILT655378 IBU655377:IBX655378 HRY655377:HSB655378 HIC655377:HIF655378 GYG655377:GYJ655378 GOK655377:GON655378 GEO655377:GER655378 FUS655377:FUV655378 FKW655377:FKZ655378 FBA655377:FBD655378 ERE655377:ERH655378 EHI655377:EHL655378 DXM655377:DXP655378 DNQ655377:DNT655378 DDU655377:DDX655378 CTY655377:CUB655378 CKC655377:CKF655378 CAG655377:CAJ655378 BQK655377:BQN655378 BGO655377:BGR655378 AWS655377:AWV655378 AMW655377:AMZ655378 ADA655377:ADD655378 TE655377:TH655378 JI655377:JL655378 N655377:Q655378 WVU589841:WVX589842 WLY589841:WMB589842 WCC589841:WCF589842 VSG589841:VSJ589842 VIK589841:VIN589842 UYO589841:UYR589842 UOS589841:UOV589842 UEW589841:UEZ589842 TVA589841:TVD589842 TLE589841:TLH589842 TBI589841:TBL589842 SRM589841:SRP589842 SHQ589841:SHT589842 RXU589841:RXX589842 RNY589841:ROB589842 REC589841:REF589842 QUG589841:QUJ589842 QKK589841:QKN589842 QAO589841:QAR589842 PQS589841:PQV589842 PGW589841:PGZ589842 OXA589841:OXD589842 ONE589841:ONH589842 ODI589841:ODL589842 NTM589841:NTP589842 NJQ589841:NJT589842 MZU589841:MZX589842 MPY589841:MQB589842 MGC589841:MGF589842 LWG589841:LWJ589842 LMK589841:LMN589842 LCO589841:LCR589842 KSS589841:KSV589842 KIW589841:KIZ589842 JZA589841:JZD589842 JPE589841:JPH589842 JFI589841:JFL589842 IVM589841:IVP589842 ILQ589841:ILT589842 IBU589841:IBX589842 HRY589841:HSB589842 HIC589841:HIF589842 GYG589841:GYJ589842 GOK589841:GON589842 GEO589841:GER589842 FUS589841:FUV589842 FKW589841:FKZ589842 FBA589841:FBD589842 ERE589841:ERH589842 EHI589841:EHL589842 DXM589841:DXP589842 DNQ589841:DNT589842 DDU589841:DDX589842 CTY589841:CUB589842 CKC589841:CKF589842 CAG589841:CAJ589842 BQK589841:BQN589842 BGO589841:BGR589842 AWS589841:AWV589842 AMW589841:AMZ589842 ADA589841:ADD589842 TE589841:TH589842 JI589841:JL589842 N589841:Q589842 WVU524305:WVX524306 WLY524305:WMB524306 WCC524305:WCF524306 VSG524305:VSJ524306 VIK524305:VIN524306 UYO524305:UYR524306 UOS524305:UOV524306 UEW524305:UEZ524306 TVA524305:TVD524306 TLE524305:TLH524306 TBI524305:TBL524306 SRM524305:SRP524306 SHQ524305:SHT524306 RXU524305:RXX524306 RNY524305:ROB524306 REC524305:REF524306 QUG524305:QUJ524306 QKK524305:QKN524306 QAO524305:QAR524306 PQS524305:PQV524306 PGW524305:PGZ524306 OXA524305:OXD524306 ONE524305:ONH524306 ODI524305:ODL524306 NTM524305:NTP524306 NJQ524305:NJT524306 MZU524305:MZX524306 MPY524305:MQB524306 MGC524305:MGF524306 LWG524305:LWJ524306 LMK524305:LMN524306 LCO524305:LCR524306 KSS524305:KSV524306 KIW524305:KIZ524306 JZA524305:JZD524306 JPE524305:JPH524306 JFI524305:JFL524306 IVM524305:IVP524306 ILQ524305:ILT524306 IBU524305:IBX524306 HRY524305:HSB524306 HIC524305:HIF524306 GYG524305:GYJ524306 GOK524305:GON524306 GEO524305:GER524306 FUS524305:FUV524306 FKW524305:FKZ524306 FBA524305:FBD524306 ERE524305:ERH524306 EHI524305:EHL524306 DXM524305:DXP524306 DNQ524305:DNT524306 DDU524305:DDX524306 CTY524305:CUB524306 CKC524305:CKF524306 CAG524305:CAJ524306 BQK524305:BQN524306 BGO524305:BGR524306 AWS524305:AWV524306 AMW524305:AMZ524306 ADA524305:ADD524306 TE524305:TH524306 JI524305:JL524306 N524305:Q524306 WVU458769:WVX458770 WLY458769:WMB458770 WCC458769:WCF458770 VSG458769:VSJ458770 VIK458769:VIN458770 UYO458769:UYR458770 UOS458769:UOV458770 UEW458769:UEZ458770 TVA458769:TVD458770 TLE458769:TLH458770 TBI458769:TBL458770 SRM458769:SRP458770 SHQ458769:SHT458770 RXU458769:RXX458770 RNY458769:ROB458770 REC458769:REF458770 QUG458769:QUJ458770 QKK458769:QKN458770 QAO458769:QAR458770 PQS458769:PQV458770 PGW458769:PGZ458770 OXA458769:OXD458770 ONE458769:ONH458770 ODI458769:ODL458770 NTM458769:NTP458770 NJQ458769:NJT458770 MZU458769:MZX458770 MPY458769:MQB458770 MGC458769:MGF458770 LWG458769:LWJ458770 LMK458769:LMN458770 LCO458769:LCR458770 KSS458769:KSV458770 KIW458769:KIZ458770 JZA458769:JZD458770 JPE458769:JPH458770 JFI458769:JFL458770 IVM458769:IVP458770 ILQ458769:ILT458770 IBU458769:IBX458770 HRY458769:HSB458770 HIC458769:HIF458770 GYG458769:GYJ458770 GOK458769:GON458770 GEO458769:GER458770 FUS458769:FUV458770 FKW458769:FKZ458770 FBA458769:FBD458770 ERE458769:ERH458770 EHI458769:EHL458770 DXM458769:DXP458770 DNQ458769:DNT458770 DDU458769:DDX458770 CTY458769:CUB458770 CKC458769:CKF458770 CAG458769:CAJ458770 BQK458769:BQN458770 BGO458769:BGR458770 AWS458769:AWV458770 AMW458769:AMZ458770 ADA458769:ADD458770 TE458769:TH458770 JI458769:JL458770 N458769:Q458770 WVU393233:WVX393234 WLY393233:WMB393234 WCC393233:WCF393234 VSG393233:VSJ393234 VIK393233:VIN393234 UYO393233:UYR393234 UOS393233:UOV393234 UEW393233:UEZ393234 TVA393233:TVD393234 TLE393233:TLH393234 TBI393233:TBL393234 SRM393233:SRP393234 SHQ393233:SHT393234 RXU393233:RXX393234 RNY393233:ROB393234 REC393233:REF393234 QUG393233:QUJ393234 QKK393233:QKN393234 QAO393233:QAR393234 PQS393233:PQV393234 PGW393233:PGZ393234 OXA393233:OXD393234 ONE393233:ONH393234 ODI393233:ODL393234 NTM393233:NTP393234 NJQ393233:NJT393234 MZU393233:MZX393234 MPY393233:MQB393234 MGC393233:MGF393234 LWG393233:LWJ393234 LMK393233:LMN393234 LCO393233:LCR393234 KSS393233:KSV393234 KIW393233:KIZ393234 JZA393233:JZD393234 JPE393233:JPH393234 JFI393233:JFL393234 IVM393233:IVP393234 ILQ393233:ILT393234 IBU393233:IBX393234 HRY393233:HSB393234 HIC393233:HIF393234 GYG393233:GYJ393234 GOK393233:GON393234 GEO393233:GER393234 FUS393233:FUV393234 FKW393233:FKZ393234 FBA393233:FBD393234 ERE393233:ERH393234 EHI393233:EHL393234 DXM393233:DXP393234 DNQ393233:DNT393234 DDU393233:DDX393234 CTY393233:CUB393234 CKC393233:CKF393234 CAG393233:CAJ393234 BQK393233:BQN393234 BGO393233:BGR393234 AWS393233:AWV393234 AMW393233:AMZ393234 ADA393233:ADD393234 TE393233:TH393234 JI393233:JL393234 N393233:Q393234 WVU327697:WVX327698 WLY327697:WMB327698 WCC327697:WCF327698 VSG327697:VSJ327698 VIK327697:VIN327698 UYO327697:UYR327698 UOS327697:UOV327698 UEW327697:UEZ327698 TVA327697:TVD327698 TLE327697:TLH327698 TBI327697:TBL327698 SRM327697:SRP327698 SHQ327697:SHT327698 RXU327697:RXX327698 RNY327697:ROB327698 REC327697:REF327698 QUG327697:QUJ327698 QKK327697:QKN327698 QAO327697:QAR327698 PQS327697:PQV327698 PGW327697:PGZ327698 OXA327697:OXD327698 ONE327697:ONH327698 ODI327697:ODL327698 NTM327697:NTP327698 NJQ327697:NJT327698 MZU327697:MZX327698 MPY327697:MQB327698 MGC327697:MGF327698 LWG327697:LWJ327698 LMK327697:LMN327698 LCO327697:LCR327698 KSS327697:KSV327698 KIW327697:KIZ327698 JZA327697:JZD327698 JPE327697:JPH327698 JFI327697:JFL327698 IVM327697:IVP327698 ILQ327697:ILT327698 IBU327697:IBX327698 HRY327697:HSB327698 HIC327697:HIF327698 GYG327697:GYJ327698 GOK327697:GON327698 GEO327697:GER327698 FUS327697:FUV327698 FKW327697:FKZ327698 FBA327697:FBD327698 ERE327697:ERH327698 EHI327697:EHL327698 DXM327697:DXP327698 DNQ327697:DNT327698 DDU327697:DDX327698 CTY327697:CUB327698 CKC327697:CKF327698 CAG327697:CAJ327698 BQK327697:BQN327698 BGO327697:BGR327698 AWS327697:AWV327698 AMW327697:AMZ327698 ADA327697:ADD327698 TE327697:TH327698 JI327697:JL327698 N327697:Q327698 WVU262161:WVX262162 WLY262161:WMB262162 WCC262161:WCF262162 VSG262161:VSJ262162 VIK262161:VIN262162 UYO262161:UYR262162 UOS262161:UOV262162 UEW262161:UEZ262162 TVA262161:TVD262162 TLE262161:TLH262162 TBI262161:TBL262162 SRM262161:SRP262162 SHQ262161:SHT262162 RXU262161:RXX262162 RNY262161:ROB262162 REC262161:REF262162 QUG262161:QUJ262162 QKK262161:QKN262162 QAO262161:QAR262162 PQS262161:PQV262162 PGW262161:PGZ262162 OXA262161:OXD262162 ONE262161:ONH262162 ODI262161:ODL262162 NTM262161:NTP262162 NJQ262161:NJT262162 MZU262161:MZX262162 MPY262161:MQB262162 MGC262161:MGF262162 LWG262161:LWJ262162 LMK262161:LMN262162 LCO262161:LCR262162 KSS262161:KSV262162 KIW262161:KIZ262162 JZA262161:JZD262162 JPE262161:JPH262162 JFI262161:JFL262162 IVM262161:IVP262162 ILQ262161:ILT262162 IBU262161:IBX262162 HRY262161:HSB262162 HIC262161:HIF262162 GYG262161:GYJ262162 GOK262161:GON262162 GEO262161:GER262162 FUS262161:FUV262162 FKW262161:FKZ262162 FBA262161:FBD262162 ERE262161:ERH262162 EHI262161:EHL262162 DXM262161:DXP262162 DNQ262161:DNT262162 DDU262161:DDX262162 CTY262161:CUB262162 CKC262161:CKF262162 CAG262161:CAJ262162 BQK262161:BQN262162 BGO262161:BGR262162 AWS262161:AWV262162 AMW262161:AMZ262162 ADA262161:ADD262162 TE262161:TH262162 JI262161:JL262162 N262161:Q262162 WVU196625:WVX196626 WLY196625:WMB196626 WCC196625:WCF196626 VSG196625:VSJ196626 VIK196625:VIN196626 UYO196625:UYR196626 UOS196625:UOV196626 UEW196625:UEZ196626 TVA196625:TVD196626 TLE196625:TLH196626 TBI196625:TBL196626 SRM196625:SRP196626 SHQ196625:SHT196626 RXU196625:RXX196626 RNY196625:ROB196626 REC196625:REF196626 QUG196625:QUJ196626 QKK196625:QKN196626 QAO196625:QAR196626 PQS196625:PQV196626 PGW196625:PGZ196626 OXA196625:OXD196626 ONE196625:ONH196626 ODI196625:ODL196626 NTM196625:NTP196626 NJQ196625:NJT196626 MZU196625:MZX196626 MPY196625:MQB196626 MGC196625:MGF196626 LWG196625:LWJ196626 LMK196625:LMN196626 LCO196625:LCR196626 KSS196625:KSV196626 KIW196625:KIZ196626 JZA196625:JZD196626 JPE196625:JPH196626 JFI196625:JFL196626 IVM196625:IVP196626 ILQ196625:ILT196626 IBU196625:IBX196626 HRY196625:HSB196626 HIC196625:HIF196626 GYG196625:GYJ196626 GOK196625:GON196626 GEO196625:GER196626 FUS196625:FUV196626 FKW196625:FKZ196626 FBA196625:FBD196626 ERE196625:ERH196626 EHI196625:EHL196626 DXM196625:DXP196626 DNQ196625:DNT196626 DDU196625:DDX196626 CTY196625:CUB196626 CKC196625:CKF196626 CAG196625:CAJ196626 BQK196625:BQN196626 BGO196625:BGR196626 AWS196625:AWV196626 AMW196625:AMZ196626 ADA196625:ADD196626 TE196625:TH196626 JI196625:JL196626 N196625:Q196626 WVU131089:WVX131090 WLY131089:WMB131090 WCC131089:WCF131090 VSG131089:VSJ131090 VIK131089:VIN131090 UYO131089:UYR131090 UOS131089:UOV131090 UEW131089:UEZ131090 TVA131089:TVD131090 TLE131089:TLH131090 TBI131089:TBL131090 SRM131089:SRP131090 SHQ131089:SHT131090 RXU131089:RXX131090 RNY131089:ROB131090 REC131089:REF131090 QUG131089:QUJ131090 QKK131089:QKN131090 QAO131089:QAR131090 PQS131089:PQV131090 PGW131089:PGZ131090 OXA131089:OXD131090 ONE131089:ONH131090 ODI131089:ODL131090 NTM131089:NTP131090 NJQ131089:NJT131090 MZU131089:MZX131090 MPY131089:MQB131090 MGC131089:MGF131090 LWG131089:LWJ131090 LMK131089:LMN131090 LCO131089:LCR131090 KSS131089:KSV131090 KIW131089:KIZ131090 JZA131089:JZD131090 JPE131089:JPH131090 JFI131089:JFL131090 IVM131089:IVP131090 ILQ131089:ILT131090 IBU131089:IBX131090 HRY131089:HSB131090 HIC131089:HIF131090 GYG131089:GYJ131090 GOK131089:GON131090 GEO131089:GER131090 FUS131089:FUV131090 FKW131089:FKZ131090 FBA131089:FBD131090 ERE131089:ERH131090 EHI131089:EHL131090 DXM131089:DXP131090 DNQ131089:DNT131090 DDU131089:DDX131090 CTY131089:CUB131090 CKC131089:CKF131090 CAG131089:CAJ131090 BQK131089:BQN131090 BGO131089:BGR131090 AWS131089:AWV131090 AMW131089:AMZ131090 ADA131089:ADD131090 TE131089:TH131090 JI131089:JL131090 N131089:Q131090 WVU65553:WVX65554 WLY65553:WMB65554 WCC65553:WCF65554 VSG65553:VSJ65554 VIK65553:VIN65554 UYO65553:UYR65554 UOS65553:UOV65554 UEW65553:UEZ65554 TVA65553:TVD65554 TLE65553:TLH65554 TBI65553:TBL65554 SRM65553:SRP65554 SHQ65553:SHT65554 RXU65553:RXX65554 RNY65553:ROB65554 REC65553:REF65554 QUG65553:QUJ65554 QKK65553:QKN65554 QAO65553:QAR65554 PQS65553:PQV65554 PGW65553:PGZ65554 OXA65553:OXD65554 ONE65553:ONH65554 ODI65553:ODL65554 NTM65553:NTP65554 NJQ65553:NJT65554 MZU65553:MZX65554 MPY65553:MQB65554 MGC65553:MGF65554 LWG65553:LWJ65554 LMK65553:LMN65554 LCO65553:LCR65554 KSS65553:KSV65554 KIW65553:KIZ65554 JZA65553:JZD65554 JPE65553:JPH65554 JFI65553:JFL65554 IVM65553:IVP65554 ILQ65553:ILT65554 IBU65553:IBX65554 HRY65553:HSB65554 HIC65553:HIF65554 GYG65553:GYJ65554 GOK65553:GON65554 GEO65553:GER65554 FUS65553:FUV65554 FKW65553:FKZ65554 FBA65553:FBD65554 ERE65553:ERH65554 EHI65553:EHL65554 DXM65553:DXP65554 DNQ65553:DNT65554 DDU65553:DDX65554 CTY65553:CUB65554 CKC65553:CKF65554 CAG65553:CAJ65554 BQK65553:BQN65554 BGO65553:BGR65554 AWS65553:AWV65554 AMW65553:AMZ65554 ADA65553:ADD65554 TE65553:TH65554 JI65553:JL65554 N65553:Q65554 WVU17:WVX18 WLY17:WMB18 WCC17:WCF18 VSG17:VSJ18 VIK17:VIN18 UYO17:UYR18 UOS17:UOV18 UEW17:UEZ18 TVA17:TVD18 TLE17:TLH18 TBI17:TBL18 SRM17:SRP18 SHQ17:SHT18 RXU17:RXX18 RNY17:ROB18 REC17:REF18 QUG17:QUJ18 QKK17:QKN18 QAO17:QAR18 PQS17:PQV18 PGW17:PGZ18 OXA17:OXD18 ONE17:ONH18 ODI17:ODL18 NTM17:NTP18 NJQ17:NJT18 MZU17:MZX18 MPY17:MQB18 MGC17:MGF18 LWG17:LWJ18 LMK17:LMN18 LCO17:LCR18 KSS17:KSV18 KIW17:KIZ18 JZA17:JZD18 JPE17:JPH18 JFI17:JFL18 IVM17:IVP18 ILQ17:ILT18 IBU17:IBX18 HRY17:HSB18 HIC17:HIF18 GYG17:GYJ18 GOK17:GON18 GEO17:GER18 FUS17:FUV18 FKW17:FKZ18 FBA17:FBD18 ERE17:ERH18 EHI17:EHL18 DXM17:DXP18 DNQ17:DNT18 DDU17:DDX18 CTY17:CUB18 CKC17:CKF18 CAG17:CAJ18 BQK17:BQN18 BGO17:BGR18 AWS17:AWV18 AMW17:AMZ18 ADA17:ADD18 TE17:TH18 JI17:JL18 E17:L18">
      <formula1>0</formula1>
      <formula2>9999999999</formula2>
    </dataValidation>
  </dataValidations>
  <pageMargins left="0.59055118110236227" right="0.59055118110236227" top="0.59055118110236227" bottom="0.59055118110236227" header="0.39370078740157483" footer="0.39370078740157483"/>
  <pageSetup paperSize="8" orientation="landscape" r:id="rId1"/>
  <headerFooter>
    <oddHeader>&amp;R&amp;A</oddHeader>
  </headerFooter>
  <extLst>
    <ext xmlns:x14="http://schemas.microsoft.com/office/spreadsheetml/2009/9/main" uri="{CCE6A557-97BC-4b89-ADB6-D9C93CAAB3DF}">
      <x14:dataValidations xmlns:xm="http://schemas.microsoft.com/office/excel/2006/main" count="1">
        <x14:dataValidation type="whole" allowBlank="1" showInputMessage="1" showErrorMessage="1" errorTitle="入力エラー" error="入力欄には整数を入力して下さい！">
          <x14:formula1>
            <xm:f>0</xm:f>
          </x14:formula1>
          <x14:formula2>
            <xm:f>9999999999</xm:f>
          </x14:formula2>
          <xm:sqref>S14:U15 C14:C15 C65544:C65545 C131080:C131081 C196616:C196617 C262152:C262153 C327688:C327689 C393224:C393225 C458760:C458761 C524296:C524297 C589832:C589833 C655368:C655369 C720904:C720905 C786440:C786441 C851976:C851977 C917512:C917513 C983048:C983049 C11:C12 C65550:C65551 C131086:C131087 C196622:C196623 C262158:C262159 C327694:C327695 C393230:C393231 C458766:C458767 C524302:C524303 C589838:C589839 C655374:C655375 C720910:C720911 C786446:C786447 C851982:C851983 C917518:C917519 C983054:C983055 C8:C9 C65547:C65548 C131083:C131084 C196619:C196620 C262155:C262156 C327691:C327692 C393227:C393228 C458763:C458764 C524299:C524300 C589835:C589836 C655371:C655372 C720907:C720908 C786443:C786444 C851979:C851980 C917515:C917516 C983051:C983052 WLX983048 WCB983048 VSF983048 VIJ983048 UYN983048 UOR983048 UEV983048 TUZ983048 TLD983048 TBH983048 SRL983048 SHP983048 RXT983048 RNX983048 REB983048 QUF983048 QKJ983048 QAN983048 PQR983048 PGV983048 OWZ983048 OND983048 ODH983048 NTL983048 NJP983048 MZT983048 MPX983048 MGB983048 LWF983048 LMJ983048 LCN983048 KSR983048 KIV983048 JYZ983048 JPD983048 JFH983048 IVL983048 ILP983048 IBT983048 HRX983048 HIB983048 GYF983048 GOJ983048 GEN983048 FUR983048 FKV983048 FAZ983048 ERD983048 EHH983048 DXL983048 DNP983048 DDT983048 CTX983048 CKB983048 CAF983048 BQJ983048 BGN983048 AWR983048 AMV983048 ACZ983048 TD983048 JH983048 WVT983048 WVT917512 WLX917512 WCB917512 VSF917512 VIJ917512 UYN917512 UOR917512 UEV917512 TUZ917512 TLD917512 TBH917512 SRL917512 SHP917512 RXT917512 RNX917512 REB917512 QUF917512 QKJ917512 QAN917512 PQR917512 PGV917512 OWZ917512 OND917512 ODH917512 NTL917512 NJP917512 MZT917512 MPX917512 MGB917512 LWF917512 LMJ917512 LCN917512 KSR917512 KIV917512 JYZ917512 JPD917512 JFH917512 IVL917512 ILP917512 IBT917512 HRX917512 HIB917512 GYF917512 GOJ917512 GEN917512 FUR917512 FKV917512 FAZ917512 ERD917512 EHH917512 DXL917512 DNP917512 DDT917512 CTX917512 CKB917512 CAF917512 BQJ917512 BGN917512 AWR917512 AMV917512 ACZ917512 TD917512 JH917512 D983048 WVT851976 WLX851976 WCB851976 VSF851976 VIJ851976 UYN851976 UOR851976 UEV851976 TUZ851976 TLD851976 TBH851976 SRL851976 SHP851976 RXT851976 RNX851976 REB851976 QUF851976 QKJ851976 QAN851976 PQR851976 PGV851976 OWZ851976 OND851976 ODH851976 NTL851976 NJP851976 MZT851976 MPX851976 MGB851976 LWF851976 LMJ851976 LCN851976 KSR851976 KIV851976 JYZ851976 JPD851976 JFH851976 IVL851976 ILP851976 IBT851976 HRX851976 HIB851976 GYF851976 GOJ851976 GEN851976 FUR851976 FKV851976 FAZ851976 ERD851976 EHH851976 DXL851976 DNP851976 DDT851976 CTX851976 CKB851976 CAF851976 BQJ851976 BGN851976 AWR851976 AMV851976 ACZ851976 TD851976 JH851976 D917512 WVT786440 WLX786440 WCB786440 VSF786440 VIJ786440 UYN786440 UOR786440 UEV786440 TUZ786440 TLD786440 TBH786440 SRL786440 SHP786440 RXT786440 RNX786440 REB786440 QUF786440 QKJ786440 QAN786440 PQR786440 PGV786440 OWZ786440 OND786440 ODH786440 NTL786440 NJP786440 MZT786440 MPX786440 MGB786440 LWF786440 LMJ786440 LCN786440 KSR786440 KIV786440 JYZ786440 JPD786440 JFH786440 IVL786440 ILP786440 IBT786440 HRX786440 HIB786440 GYF786440 GOJ786440 GEN786440 FUR786440 FKV786440 FAZ786440 ERD786440 EHH786440 DXL786440 DNP786440 DDT786440 CTX786440 CKB786440 CAF786440 BQJ786440 BGN786440 AWR786440 AMV786440 ACZ786440 TD786440 JH786440 D851976 WVT720904 WLX720904 WCB720904 VSF720904 VIJ720904 UYN720904 UOR720904 UEV720904 TUZ720904 TLD720904 TBH720904 SRL720904 SHP720904 RXT720904 RNX720904 REB720904 QUF720904 QKJ720904 QAN720904 PQR720904 PGV720904 OWZ720904 OND720904 ODH720904 NTL720904 NJP720904 MZT720904 MPX720904 MGB720904 LWF720904 LMJ720904 LCN720904 KSR720904 KIV720904 JYZ720904 JPD720904 JFH720904 IVL720904 ILP720904 IBT720904 HRX720904 HIB720904 GYF720904 GOJ720904 GEN720904 FUR720904 FKV720904 FAZ720904 ERD720904 EHH720904 DXL720904 DNP720904 DDT720904 CTX720904 CKB720904 CAF720904 BQJ720904 BGN720904 AWR720904 AMV720904 ACZ720904 TD720904 JH720904 D786440 WVT655368 WLX655368 WCB655368 VSF655368 VIJ655368 UYN655368 UOR655368 UEV655368 TUZ655368 TLD655368 TBH655368 SRL655368 SHP655368 RXT655368 RNX655368 REB655368 QUF655368 QKJ655368 QAN655368 PQR655368 PGV655368 OWZ655368 OND655368 ODH655368 NTL655368 NJP655368 MZT655368 MPX655368 MGB655368 LWF655368 LMJ655368 LCN655368 KSR655368 KIV655368 JYZ655368 JPD655368 JFH655368 IVL655368 ILP655368 IBT655368 HRX655368 HIB655368 GYF655368 GOJ655368 GEN655368 FUR655368 FKV655368 FAZ655368 ERD655368 EHH655368 DXL655368 DNP655368 DDT655368 CTX655368 CKB655368 CAF655368 BQJ655368 BGN655368 AWR655368 AMV655368 ACZ655368 TD655368 JH655368 D720904 WVT589832 WLX589832 WCB589832 VSF589832 VIJ589832 UYN589832 UOR589832 UEV589832 TUZ589832 TLD589832 TBH589832 SRL589832 SHP589832 RXT589832 RNX589832 REB589832 QUF589832 QKJ589832 QAN589832 PQR589832 PGV589832 OWZ589832 OND589832 ODH589832 NTL589832 NJP589832 MZT589832 MPX589832 MGB589832 LWF589832 LMJ589832 LCN589832 KSR589832 KIV589832 JYZ589832 JPD589832 JFH589832 IVL589832 ILP589832 IBT589832 HRX589832 HIB589832 GYF589832 GOJ589832 GEN589832 FUR589832 FKV589832 FAZ589832 ERD589832 EHH589832 DXL589832 DNP589832 DDT589832 CTX589832 CKB589832 CAF589832 BQJ589832 BGN589832 AWR589832 AMV589832 ACZ589832 TD589832 JH589832 D655368 WVT524296 WLX524296 WCB524296 VSF524296 VIJ524296 UYN524296 UOR524296 UEV524296 TUZ524296 TLD524296 TBH524296 SRL524296 SHP524296 RXT524296 RNX524296 REB524296 QUF524296 QKJ524296 QAN524296 PQR524296 PGV524296 OWZ524296 OND524296 ODH524296 NTL524296 NJP524296 MZT524296 MPX524296 MGB524296 LWF524296 LMJ524296 LCN524296 KSR524296 KIV524296 JYZ524296 JPD524296 JFH524296 IVL524296 ILP524296 IBT524296 HRX524296 HIB524296 GYF524296 GOJ524296 GEN524296 FUR524296 FKV524296 FAZ524296 ERD524296 EHH524296 DXL524296 DNP524296 DDT524296 CTX524296 CKB524296 CAF524296 BQJ524296 BGN524296 AWR524296 AMV524296 ACZ524296 TD524296 JH524296 D589832 WVT458760 WLX458760 WCB458760 VSF458760 VIJ458760 UYN458760 UOR458760 UEV458760 TUZ458760 TLD458760 TBH458760 SRL458760 SHP458760 RXT458760 RNX458760 REB458760 QUF458760 QKJ458760 QAN458760 PQR458760 PGV458760 OWZ458760 OND458760 ODH458760 NTL458760 NJP458760 MZT458760 MPX458760 MGB458760 LWF458760 LMJ458760 LCN458760 KSR458760 KIV458760 JYZ458760 JPD458760 JFH458760 IVL458760 ILP458760 IBT458760 HRX458760 HIB458760 GYF458760 GOJ458760 GEN458760 FUR458760 FKV458760 FAZ458760 ERD458760 EHH458760 DXL458760 DNP458760 DDT458760 CTX458760 CKB458760 CAF458760 BQJ458760 BGN458760 AWR458760 AMV458760 ACZ458760 TD458760 JH458760 D524296 WVT393224 WLX393224 WCB393224 VSF393224 VIJ393224 UYN393224 UOR393224 UEV393224 TUZ393224 TLD393224 TBH393224 SRL393224 SHP393224 RXT393224 RNX393224 REB393224 QUF393224 QKJ393224 QAN393224 PQR393224 PGV393224 OWZ393224 OND393224 ODH393224 NTL393224 NJP393224 MZT393224 MPX393224 MGB393224 LWF393224 LMJ393224 LCN393224 KSR393224 KIV393224 JYZ393224 JPD393224 JFH393224 IVL393224 ILP393224 IBT393224 HRX393224 HIB393224 GYF393224 GOJ393224 GEN393224 FUR393224 FKV393224 FAZ393224 ERD393224 EHH393224 DXL393224 DNP393224 DDT393224 CTX393224 CKB393224 CAF393224 BQJ393224 BGN393224 AWR393224 AMV393224 ACZ393224 TD393224 JH393224 D458760 WVT327688 WLX327688 WCB327688 VSF327688 VIJ327688 UYN327688 UOR327688 UEV327688 TUZ327688 TLD327688 TBH327688 SRL327688 SHP327688 RXT327688 RNX327688 REB327688 QUF327688 QKJ327688 QAN327688 PQR327688 PGV327688 OWZ327688 OND327688 ODH327688 NTL327688 NJP327688 MZT327688 MPX327688 MGB327688 LWF327688 LMJ327688 LCN327688 KSR327688 KIV327688 JYZ327688 JPD327688 JFH327688 IVL327688 ILP327688 IBT327688 HRX327688 HIB327688 GYF327688 GOJ327688 GEN327688 FUR327688 FKV327688 FAZ327688 ERD327688 EHH327688 DXL327688 DNP327688 DDT327688 CTX327688 CKB327688 CAF327688 BQJ327688 BGN327688 AWR327688 AMV327688 ACZ327688 TD327688 JH327688 D393224 WVT262152 WLX262152 WCB262152 VSF262152 VIJ262152 UYN262152 UOR262152 UEV262152 TUZ262152 TLD262152 TBH262152 SRL262152 SHP262152 RXT262152 RNX262152 REB262152 QUF262152 QKJ262152 QAN262152 PQR262152 PGV262152 OWZ262152 OND262152 ODH262152 NTL262152 NJP262152 MZT262152 MPX262152 MGB262152 LWF262152 LMJ262152 LCN262152 KSR262152 KIV262152 JYZ262152 JPD262152 JFH262152 IVL262152 ILP262152 IBT262152 HRX262152 HIB262152 GYF262152 GOJ262152 GEN262152 FUR262152 FKV262152 FAZ262152 ERD262152 EHH262152 DXL262152 DNP262152 DDT262152 CTX262152 CKB262152 CAF262152 BQJ262152 BGN262152 AWR262152 AMV262152 ACZ262152 TD262152 JH262152 D327688 WVT196616 WLX196616 WCB196616 VSF196616 VIJ196616 UYN196616 UOR196616 UEV196616 TUZ196616 TLD196616 TBH196616 SRL196616 SHP196616 RXT196616 RNX196616 REB196616 QUF196616 QKJ196616 QAN196616 PQR196616 PGV196616 OWZ196616 OND196616 ODH196616 NTL196616 NJP196616 MZT196616 MPX196616 MGB196616 LWF196616 LMJ196616 LCN196616 KSR196616 KIV196616 JYZ196616 JPD196616 JFH196616 IVL196616 ILP196616 IBT196616 HRX196616 HIB196616 GYF196616 GOJ196616 GEN196616 FUR196616 FKV196616 FAZ196616 ERD196616 EHH196616 DXL196616 DNP196616 DDT196616 CTX196616 CKB196616 CAF196616 BQJ196616 BGN196616 AWR196616 AMV196616 ACZ196616 TD196616 JH196616 D262152 WVT131080 WLX131080 WCB131080 VSF131080 VIJ131080 UYN131080 UOR131080 UEV131080 TUZ131080 TLD131080 TBH131080 SRL131080 SHP131080 RXT131080 RNX131080 REB131080 QUF131080 QKJ131080 QAN131080 PQR131080 PGV131080 OWZ131080 OND131080 ODH131080 NTL131080 NJP131080 MZT131080 MPX131080 MGB131080 LWF131080 LMJ131080 LCN131080 KSR131080 KIV131080 JYZ131080 JPD131080 JFH131080 IVL131080 ILP131080 IBT131080 HRX131080 HIB131080 GYF131080 GOJ131080 GEN131080 FUR131080 FKV131080 FAZ131080 ERD131080 EHH131080 DXL131080 DNP131080 DDT131080 CTX131080 CKB131080 CAF131080 BQJ131080 BGN131080 AWR131080 AMV131080 ACZ131080 TD131080 JH131080 D196616 WVT65544 WLX65544 WCB65544 VSF65544 VIJ65544 UYN65544 UOR65544 UEV65544 TUZ65544 TLD65544 TBH65544 SRL65544 SHP65544 RXT65544 RNX65544 REB65544 QUF65544 QKJ65544 QAN65544 PQR65544 PGV65544 OWZ65544 OND65544 ODH65544 NTL65544 NJP65544 MZT65544 MPX65544 MGB65544 LWF65544 LMJ65544 LCN65544 KSR65544 KIV65544 JYZ65544 JPD65544 JFH65544 IVL65544 ILP65544 IBT65544 HRX65544 HIB65544 GYF65544 GOJ65544 GEN65544 FUR65544 FKV65544 FAZ65544 ERD65544 EHH65544 DXL65544 DNP65544 DDT65544 CTX65544 CKB65544 CAF65544 BQJ65544 BGN65544 AWR65544 AMV65544 ACZ65544 TD65544 JH65544 D131080 WVT8 WLX8 WCB8 VSF8 VIJ8 UYN8 UOR8 UEV8 TUZ8 TLD8 TBH8 SRL8 SHP8 RXT8 RNX8 REB8 QUF8 QKJ8 QAN8 PQR8 PGV8 OWZ8 OND8 ODH8 NTL8 NJP8 MZT8 MPX8 MGB8 LWF8 LMJ8 LCN8 KSR8 KIV8 JYZ8 JPD8 JFH8 IVL8 ILP8 IBT8 HRX8 HIB8 GYF8 GOJ8 GEN8 FUR8 FKV8 FAZ8 ERD8 EHH8 DXL8 DNP8 DDT8 CTX8 CKB8 CAF8 BQJ8 BGN8 AWR8 AMV8 ACZ8 TD8 JH8 D65544 WVZ983054:WWB983055 WMD983054:WMF983055 WCH983054:WCJ983055 VSL983054:VSN983055 VIP983054:VIR983055 UYT983054:UYV983055 UOX983054:UOZ983055 UFB983054:UFD983055 TVF983054:TVH983055 TLJ983054:TLL983055 TBN983054:TBP983055 SRR983054:SRT983055 SHV983054:SHX983055 RXZ983054:RYB983055 ROD983054:ROF983055 REH983054:REJ983055 QUL983054:QUN983055 QKP983054:QKR983055 QAT983054:QAV983055 PQX983054:PQZ983055 PHB983054:PHD983055 OXF983054:OXH983055 ONJ983054:ONL983055 ODN983054:ODP983055 NTR983054:NTT983055 NJV983054:NJX983055 MZZ983054:NAB983055 MQD983054:MQF983055 MGH983054:MGJ983055 LWL983054:LWN983055 LMP983054:LMR983055 LCT983054:LCV983055 KSX983054:KSZ983055 KJB983054:KJD983055 JZF983054:JZH983055 JPJ983054:JPL983055 JFN983054:JFP983055 IVR983054:IVT983055 ILV983054:ILX983055 IBZ983054:ICB983055 HSD983054:HSF983055 HIH983054:HIJ983055 GYL983054:GYN983055 GOP983054:GOR983055 GET983054:GEV983055 FUX983054:FUZ983055 FLB983054:FLD983055 FBF983054:FBH983055 ERJ983054:ERL983055 EHN983054:EHP983055 DXR983054:DXT983055 DNV983054:DNX983055 DDZ983054:DEB983055 CUD983054:CUF983055 CKH983054:CKJ983055 CAL983054:CAN983055 BQP983054:BQR983055 BGT983054:BGV983055 AWX983054:AWZ983055 ANB983054:AND983055 ADF983054:ADH983055 TJ983054:TL983055 JN983054:JP983055 S983054:U983055 WVZ917518:WWB917519 WMD917518:WMF917519 WCH917518:WCJ917519 VSL917518:VSN917519 VIP917518:VIR917519 UYT917518:UYV917519 UOX917518:UOZ917519 UFB917518:UFD917519 TVF917518:TVH917519 TLJ917518:TLL917519 TBN917518:TBP917519 SRR917518:SRT917519 SHV917518:SHX917519 RXZ917518:RYB917519 ROD917518:ROF917519 REH917518:REJ917519 QUL917518:QUN917519 QKP917518:QKR917519 QAT917518:QAV917519 PQX917518:PQZ917519 PHB917518:PHD917519 OXF917518:OXH917519 ONJ917518:ONL917519 ODN917518:ODP917519 NTR917518:NTT917519 NJV917518:NJX917519 MZZ917518:NAB917519 MQD917518:MQF917519 MGH917518:MGJ917519 LWL917518:LWN917519 LMP917518:LMR917519 LCT917518:LCV917519 KSX917518:KSZ917519 KJB917518:KJD917519 JZF917518:JZH917519 JPJ917518:JPL917519 JFN917518:JFP917519 IVR917518:IVT917519 ILV917518:ILX917519 IBZ917518:ICB917519 HSD917518:HSF917519 HIH917518:HIJ917519 GYL917518:GYN917519 GOP917518:GOR917519 GET917518:GEV917519 FUX917518:FUZ917519 FLB917518:FLD917519 FBF917518:FBH917519 ERJ917518:ERL917519 EHN917518:EHP917519 DXR917518:DXT917519 DNV917518:DNX917519 DDZ917518:DEB917519 CUD917518:CUF917519 CKH917518:CKJ917519 CAL917518:CAN917519 BQP917518:BQR917519 BGT917518:BGV917519 AWX917518:AWZ917519 ANB917518:AND917519 ADF917518:ADH917519 TJ917518:TL917519 JN917518:JP917519 S917518:U917519 WVZ851982:WWB851983 WMD851982:WMF851983 WCH851982:WCJ851983 VSL851982:VSN851983 VIP851982:VIR851983 UYT851982:UYV851983 UOX851982:UOZ851983 UFB851982:UFD851983 TVF851982:TVH851983 TLJ851982:TLL851983 TBN851982:TBP851983 SRR851982:SRT851983 SHV851982:SHX851983 RXZ851982:RYB851983 ROD851982:ROF851983 REH851982:REJ851983 QUL851982:QUN851983 QKP851982:QKR851983 QAT851982:QAV851983 PQX851982:PQZ851983 PHB851982:PHD851983 OXF851982:OXH851983 ONJ851982:ONL851983 ODN851982:ODP851983 NTR851982:NTT851983 NJV851982:NJX851983 MZZ851982:NAB851983 MQD851982:MQF851983 MGH851982:MGJ851983 LWL851982:LWN851983 LMP851982:LMR851983 LCT851982:LCV851983 KSX851982:KSZ851983 KJB851982:KJD851983 JZF851982:JZH851983 JPJ851982:JPL851983 JFN851982:JFP851983 IVR851982:IVT851983 ILV851982:ILX851983 IBZ851982:ICB851983 HSD851982:HSF851983 HIH851982:HIJ851983 GYL851982:GYN851983 GOP851982:GOR851983 GET851982:GEV851983 FUX851982:FUZ851983 FLB851982:FLD851983 FBF851982:FBH851983 ERJ851982:ERL851983 EHN851982:EHP851983 DXR851982:DXT851983 DNV851982:DNX851983 DDZ851982:DEB851983 CUD851982:CUF851983 CKH851982:CKJ851983 CAL851982:CAN851983 BQP851982:BQR851983 BGT851982:BGV851983 AWX851982:AWZ851983 ANB851982:AND851983 ADF851982:ADH851983 TJ851982:TL851983 JN851982:JP851983 S851982:U851983 WVZ786446:WWB786447 WMD786446:WMF786447 WCH786446:WCJ786447 VSL786446:VSN786447 VIP786446:VIR786447 UYT786446:UYV786447 UOX786446:UOZ786447 UFB786446:UFD786447 TVF786446:TVH786447 TLJ786446:TLL786447 TBN786446:TBP786447 SRR786446:SRT786447 SHV786446:SHX786447 RXZ786446:RYB786447 ROD786446:ROF786447 REH786446:REJ786447 QUL786446:QUN786447 QKP786446:QKR786447 QAT786446:QAV786447 PQX786446:PQZ786447 PHB786446:PHD786447 OXF786446:OXH786447 ONJ786446:ONL786447 ODN786446:ODP786447 NTR786446:NTT786447 NJV786446:NJX786447 MZZ786446:NAB786447 MQD786446:MQF786447 MGH786446:MGJ786447 LWL786446:LWN786447 LMP786446:LMR786447 LCT786446:LCV786447 KSX786446:KSZ786447 KJB786446:KJD786447 JZF786446:JZH786447 JPJ786446:JPL786447 JFN786446:JFP786447 IVR786446:IVT786447 ILV786446:ILX786447 IBZ786446:ICB786447 HSD786446:HSF786447 HIH786446:HIJ786447 GYL786446:GYN786447 GOP786446:GOR786447 GET786446:GEV786447 FUX786446:FUZ786447 FLB786446:FLD786447 FBF786446:FBH786447 ERJ786446:ERL786447 EHN786446:EHP786447 DXR786446:DXT786447 DNV786446:DNX786447 DDZ786446:DEB786447 CUD786446:CUF786447 CKH786446:CKJ786447 CAL786446:CAN786447 BQP786446:BQR786447 BGT786446:BGV786447 AWX786446:AWZ786447 ANB786446:AND786447 ADF786446:ADH786447 TJ786446:TL786447 JN786446:JP786447 S786446:U786447 WVZ720910:WWB720911 WMD720910:WMF720911 WCH720910:WCJ720911 VSL720910:VSN720911 VIP720910:VIR720911 UYT720910:UYV720911 UOX720910:UOZ720911 UFB720910:UFD720911 TVF720910:TVH720911 TLJ720910:TLL720911 TBN720910:TBP720911 SRR720910:SRT720911 SHV720910:SHX720911 RXZ720910:RYB720911 ROD720910:ROF720911 REH720910:REJ720911 QUL720910:QUN720911 QKP720910:QKR720911 QAT720910:QAV720911 PQX720910:PQZ720911 PHB720910:PHD720911 OXF720910:OXH720911 ONJ720910:ONL720911 ODN720910:ODP720911 NTR720910:NTT720911 NJV720910:NJX720911 MZZ720910:NAB720911 MQD720910:MQF720911 MGH720910:MGJ720911 LWL720910:LWN720911 LMP720910:LMR720911 LCT720910:LCV720911 KSX720910:KSZ720911 KJB720910:KJD720911 JZF720910:JZH720911 JPJ720910:JPL720911 JFN720910:JFP720911 IVR720910:IVT720911 ILV720910:ILX720911 IBZ720910:ICB720911 HSD720910:HSF720911 HIH720910:HIJ720911 GYL720910:GYN720911 GOP720910:GOR720911 GET720910:GEV720911 FUX720910:FUZ720911 FLB720910:FLD720911 FBF720910:FBH720911 ERJ720910:ERL720911 EHN720910:EHP720911 DXR720910:DXT720911 DNV720910:DNX720911 DDZ720910:DEB720911 CUD720910:CUF720911 CKH720910:CKJ720911 CAL720910:CAN720911 BQP720910:BQR720911 BGT720910:BGV720911 AWX720910:AWZ720911 ANB720910:AND720911 ADF720910:ADH720911 TJ720910:TL720911 JN720910:JP720911 S720910:U720911 WVZ655374:WWB655375 WMD655374:WMF655375 WCH655374:WCJ655375 VSL655374:VSN655375 VIP655374:VIR655375 UYT655374:UYV655375 UOX655374:UOZ655375 UFB655374:UFD655375 TVF655374:TVH655375 TLJ655374:TLL655375 TBN655374:TBP655375 SRR655374:SRT655375 SHV655374:SHX655375 RXZ655374:RYB655375 ROD655374:ROF655375 REH655374:REJ655375 QUL655374:QUN655375 QKP655374:QKR655375 QAT655374:QAV655375 PQX655374:PQZ655375 PHB655374:PHD655375 OXF655374:OXH655375 ONJ655374:ONL655375 ODN655374:ODP655375 NTR655374:NTT655375 NJV655374:NJX655375 MZZ655374:NAB655375 MQD655374:MQF655375 MGH655374:MGJ655375 LWL655374:LWN655375 LMP655374:LMR655375 LCT655374:LCV655375 KSX655374:KSZ655375 KJB655374:KJD655375 JZF655374:JZH655375 JPJ655374:JPL655375 JFN655374:JFP655375 IVR655374:IVT655375 ILV655374:ILX655375 IBZ655374:ICB655375 HSD655374:HSF655375 HIH655374:HIJ655375 GYL655374:GYN655375 GOP655374:GOR655375 GET655374:GEV655375 FUX655374:FUZ655375 FLB655374:FLD655375 FBF655374:FBH655375 ERJ655374:ERL655375 EHN655374:EHP655375 DXR655374:DXT655375 DNV655374:DNX655375 DDZ655374:DEB655375 CUD655374:CUF655375 CKH655374:CKJ655375 CAL655374:CAN655375 BQP655374:BQR655375 BGT655374:BGV655375 AWX655374:AWZ655375 ANB655374:AND655375 ADF655374:ADH655375 TJ655374:TL655375 JN655374:JP655375 S655374:U655375 WVZ589838:WWB589839 WMD589838:WMF589839 WCH589838:WCJ589839 VSL589838:VSN589839 VIP589838:VIR589839 UYT589838:UYV589839 UOX589838:UOZ589839 UFB589838:UFD589839 TVF589838:TVH589839 TLJ589838:TLL589839 TBN589838:TBP589839 SRR589838:SRT589839 SHV589838:SHX589839 RXZ589838:RYB589839 ROD589838:ROF589839 REH589838:REJ589839 QUL589838:QUN589839 QKP589838:QKR589839 QAT589838:QAV589839 PQX589838:PQZ589839 PHB589838:PHD589839 OXF589838:OXH589839 ONJ589838:ONL589839 ODN589838:ODP589839 NTR589838:NTT589839 NJV589838:NJX589839 MZZ589838:NAB589839 MQD589838:MQF589839 MGH589838:MGJ589839 LWL589838:LWN589839 LMP589838:LMR589839 LCT589838:LCV589839 KSX589838:KSZ589839 KJB589838:KJD589839 JZF589838:JZH589839 JPJ589838:JPL589839 JFN589838:JFP589839 IVR589838:IVT589839 ILV589838:ILX589839 IBZ589838:ICB589839 HSD589838:HSF589839 HIH589838:HIJ589839 GYL589838:GYN589839 GOP589838:GOR589839 GET589838:GEV589839 FUX589838:FUZ589839 FLB589838:FLD589839 FBF589838:FBH589839 ERJ589838:ERL589839 EHN589838:EHP589839 DXR589838:DXT589839 DNV589838:DNX589839 DDZ589838:DEB589839 CUD589838:CUF589839 CKH589838:CKJ589839 CAL589838:CAN589839 BQP589838:BQR589839 BGT589838:BGV589839 AWX589838:AWZ589839 ANB589838:AND589839 ADF589838:ADH589839 TJ589838:TL589839 JN589838:JP589839 S589838:U589839 WVZ524302:WWB524303 WMD524302:WMF524303 WCH524302:WCJ524303 VSL524302:VSN524303 VIP524302:VIR524303 UYT524302:UYV524303 UOX524302:UOZ524303 UFB524302:UFD524303 TVF524302:TVH524303 TLJ524302:TLL524303 TBN524302:TBP524303 SRR524302:SRT524303 SHV524302:SHX524303 RXZ524302:RYB524303 ROD524302:ROF524303 REH524302:REJ524303 QUL524302:QUN524303 QKP524302:QKR524303 QAT524302:QAV524303 PQX524302:PQZ524303 PHB524302:PHD524303 OXF524302:OXH524303 ONJ524302:ONL524303 ODN524302:ODP524303 NTR524302:NTT524303 NJV524302:NJX524303 MZZ524302:NAB524303 MQD524302:MQF524303 MGH524302:MGJ524303 LWL524302:LWN524303 LMP524302:LMR524303 LCT524302:LCV524303 KSX524302:KSZ524303 KJB524302:KJD524303 JZF524302:JZH524303 JPJ524302:JPL524303 JFN524302:JFP524303 IVR524302:IVT524303 ILV524302:ILX524303 IBZ524302:ICB524303 HSD524302:HSF524303 HIH524302:HIJ524303 GYL524302:GYN524303 GOP524302:GOR524303 GET524302:GEV524303 FUX524302:FUZ524303 FLB524302:FLD524303 FBF524302:FBH524303 ERJ524302:ERL524303 EHN524302:EHP524303 DXR524302:DXT524303 DNV524302:DNX524303 DDZ524302:DEB524303 CUD524302:CUF524303 CKH524302:CKJ524303 CAL524302:CAN524303 BQP524302:BQR524303 BGT524302:BGV524303 AWX524302:AWZ524303 ANB524302:AND524303 ADF524302:ADH524303 TJ524302:TL524303 JN524302:JP524303 S524302:U524303 WVZ458766:WWB458767 WMD458766:WMF458767 WCH458766:WCJ458767 VSL458766:VSN458767 VIP458766:VIR458767 UYT458766:UYV458767 UOX458766:UOZ458767 UFB458766:UFD458767 TVF458766:TVH458767 TLJ458766:TLL458767 TBN458766:TBP458767 SRR458766:SRT458767 SHV458766:SHX458767 RXZ458766:RYB458767 ROD458766:ROF458767 REH458766:REJ458767 QUL458766:QUN458767 QKP458766:QKR458767 QAT458766:QAV458767 PQX458766:PQZ458767 PHB458766:PHD458767 OXF458766:OXH458767 ONJ458766:ONL458767 ODN458766:ODP458767 NTR458766:NTT458767 NJV458766:NJX458767 MZZ458766:NAB458767 MQD458766:MQF458767 MGH458766:MGJ458767 LWL458766:LWN458767 LMP458766:LMR458767 LCT458766:LCV458767 KSX458766:KSZ458767 KJB458766:KJD458767 JZF458766:JZH458767 JPJ458766:JPL458767 JFN458766:JFP458767 IVR458766:IVT458767 ILV458766:ILX458767 IBZ458766:ICB458767 HSD458766:HSF458767 HIH458766:HIJ458767 GYL458766:GYN458767 GOP458766:GOR458767 GET458766:GEV458767 FUX458766:FUZ458767 FLB458766:FLD458767 FBF458766:FBH458767 ERJ458766:ERL458767 EHN458766:EHP458767 DXR458766:DXT458767 DNV458766:DNX458767 DDZ458766:DEB458767 CUD458766:CUF458767 CKH458766:CKJ458767 CAL458766:CAN458767 BQP458766:BQR458767 BGT458766:BGV458767 AWX458766:AWZ458767 ANB458766:AND458767 ADF458766:ADH458767 TJ458766:TL458767 JN458766:JP458767 S458766:U458767 WVZ393230:WWB393231 WMD393230:WMF393231 WCH393230:WCJ393231 VSL393230:VSN393231 VIP393230:VIR393231 UYT393230:UYV393231 UOX393230:UOZ393231 UFB393230:UFD393231 TVF393230:TVH393231 TLJ393230:TLL393231 TBN393230:TBP393231 SRR393230:SRT393231 SHV393230:SHX393231 RXZ393230:RYB393231 ROD393230:ROF393231 REH393230:REJ393231 QUL393230:QUN393231 QKP393230:QKR393231 QAT393230:QAV393231 PQX393230:PQZ393231 PHB393230:PHD393231 OXF393230:OXH393231 ONJ393230:ONL393231 ODN393230:ODP393231 NTR393230:NTT393231 NJV393230:NJX393231 MZZ393230:NAB393231 MQD393230:MQF393231 MGH393230:MGJ393231 LWL393230:LWN393231 LMP393230:LMR393231 LCT393230:LCV393231 KSX393230:KSZ393231 KJB393230:KJD393231 JZF393230:JZH393231 JPJ393230:JPL393231 JFN393230:JFP393231 IVR393230:IVT393231 ILV393230:ILX393231 IBZ393230:ICB393231 HSD393230:HSF393231 HIH393230:HIJ393231 GYL393230:GYN393231 GOP393230:GOR393231 GET393230:GEV393231 FUX393230:FUZ393231 FLB393230:FLD393231 FBF393230:FBH393231 ERJ393230:ERL393231 EHN393230:EHP393231 DXR393230:DXT393231 DNV393230:DNX393231 DDZ393230:DEB393231 CUD393230:CUF393231 CKH393230:CKJ393231 CAL393230:CAN393231 BQP393230:BQR393231 BGT393230:BGV393231 AWX393230:AWZ393231 ANB393230:AND393231 ADF393230:ADH393231 TJ393230:TL393231 JN393230:JP393231 S393230:U393231 WVZ327694:WWB327695 WMD327694:WMF327695 WCH327694:WCJ327695 VSL327694:VSN327695 VIP327694:VIR327695 UYT327694:UYV327695 UOX327694:UOZ327695 UFB327694:UFD327695 TVF327694:TVH327695 TLJ327694:TLL327695 TBN327694:TBP327695 SRR327694:SRT327695 SHV327694:SHX327695 RXZ327694:RYB327695 ROD327694:ROF327695 REH327694:REJ327695 QUL327694:QUN327695 QKP327694:QKR327695 QAT327694:QAV327695 PQX327694:PQZ327695 PHB327694:PHD327695 OXF327694:OXH327695 ONJ327694:ONL327695 ODN327694:ODP327695 NTR327694:NTT327695 NJV327694:NJX327695 MZZ327694:NAB327695 MQD327694:MQF327695 MGH327694:MGJ327695 LWL327694:LWN327695 LMP327694:LMR327695 LCT327694:LCV327695 KSX327694:KSZ327695 KJB327694:KJD327695 JZF327694:JZH327695 JPJ327694:JPL327695 JFN327694:JFP327695 IVR327694:IVT327695 ILV327694:ILX327695 IBZ327694:ICB327695 HSD327694:HSF327695 HIH327694:HIJ327695 GYL327694:GYN327695 GOP327694:GOR327695 GET327694:GEV327695 FUX327694:FUZ327695 FLB327694:FLD327695 FBF327694:FBH327695 ERJ327694:ERL327695 EHN327694:EHP327695 DXR327694:DXT327695 DNV327694:DNX327695 DDZ327694:DEB327695 CUD327694:CUF327695 CKH327694:CKJ327695 CAL327694:CAN327695 BQP327694:BQR327695 BGT327694:BGV327695 AWX327694:AWZ327695 ANB327694:AND327695 ADF327694:ADH327695 TJ327694:TL327695 JN327694:JP327695 S327694:U327695 WVZ262158:WWB262159 WMD262158:WMF262159 WCH262158:WCJ262159 VSL262158:VSN262159 VIP262158:VIR262159 UYT262158:UYV262159 UOX262158:UOZ262159 UFB262158:UFD262159 TVF262158:TVH262159 TLJ262158:TLL262159 TBN262158:TBP262159 SRR262158:SRT262159 SHV262158:SHX262159 RXZ262158:RYB262159 ROD262158:ROF262159 REH262158:REJ262159 QUL262158:QUN262159 QKP262158:QKR262159 QAT262158:QAV262159 PQX262158:PQZ262159 PHB262158:PHD262159 OXF262158:OXH262159 ONJ262158:ONL262159 ODN262158:ODP262159 NTR262158:NTT262159 NJV262158:NJX262159 MZZ262158:NAB262159 MQD262158:MQF262159 MGH262158:MGJ262159 LWL262158:LWN262159 LMP262158:LMR262159 LCT262158:LCV262159 KSX262158:KSZ262159 KJB262158:KJD262159 JZF262158:JZH262159 JPJ262158:JPL262159 JFN262158:JFP262159 IVR262158:IVT262159 ILV262158:ILX262159 IBZ262158:ICB262159 HSD262158:HSF262159 HIH262158:HIJ262159 GYL262158:GYN262159 GOP262158:GOR262159 GET262158:GEV262159 FUX262158:FUZ262159 FLB262158:FLD262159 FBF262158:FBH262159 ERJ262158:ERL262159 EHN262158:EHP262159 DXR262158:DXT262159 DNV262158:DNX262159 DDZ262158:DEB262159 CUD262158:CUF262159 CKH262158:CKJ262159 CAL262158:CAN262159 BQP262158:BQR262159 BGT262158:BGV262159 AWX262158:AWZ262159 ANB262158:AND262159 ADF262158:ADH262159 TJ262158:TL262159 JN262158:JP262159 S262158:U262159 WVZ196622:WWB196623 WMD196622:WMF196623 WCH196622:WCJ196623 VSL196622:VSN196623 VIP196622:VIR196623 UYT196622:UYV196623 UOX196622:UOZ196623 UFB196622:UFD196623 TVF196622:TVH196623 TLJ196622:TLL196623 TBN196622:TBP196623 SRR196622:SRT196623 SHV196622:SHX196623 RXZ196622:RYB196623 ROD196622:ROF196623 REH196622:REJ196623 QUL196622:QUN196623 QKP196622:QKR196623 QAT196622:QAV196623 PQX196622:PQZ196623 PHB196622:PHD196623 OXF196622:OXH196623 ONJ196622:ONL196623 ODN196622:ODP196623 NTR196622:NTT196623 NJV196622:NJX196623 MZZ196622:NAB196623 MQD196622:MQF196623 MGH196622:MGJ196623 LWL196622:LWN196623 LMP196622:LMR196623 LCT196622:LCV196623 KSX196622:KSZ196623 KJB196622:KJD196623 JZF196622:JZH196623 JPJ196622:JPL196623 JFN196622:JFP196623 IVR196622:IVT196623 ILV196622:ILX196623 IBZ196622:ICB196623 HSD196622:HSF196623 HIH196622:HIJ196623 GYL196622:GYN196623 GOP196622:GOR196623 GET196622:GEV196623 FUX196622:FUZ196623 FLB196622:FLD196623 FBF196622:FBH196623 ERJ196622:ERL196623 EHN196622:EHP196623 DXR196622:DXT196623 DNV196622:DNX196623 DDZ196622:DEB196623 CUD196622:CUF196623 CKH196622:CKJ196623 CAL196622:CAN196623 BQP196622:BQR196623 BGT196622:BGV196623 AWX196622:AWZ196623 ANB196622:AND196623 ADF196622:ADH196623 TJ196622:TL196623 JN196622:JP196623 S196622:U196623 WVZ131086:WWB131087 WMD131086:WMF131087 WCH131086:WCJ131087 VSL131086:VSN131087 VIP131086:VIR131087 UYT131086:UYV131087 UOX131086:UOZ131087 UFB131086:UFD131087 TVF131086:TVH131087 TLJ131086:TLL131087 TBN131086:TBP131087 SRR131086:SRT131087 SHV131086:SHX131087 RXZ131086:RYB131087 ROD131086:ROF131087 REH131086:REJ131087 QUL131086:QUN131087 QKP131086:QKR131087 QAT131086:QAV131087 PQX131086:PQZ131087 PHB131086:PHD131087 OXF131086:OXH131087 ONJ131086:ONL131087 ODN131086:ODP131087 NTR131086:NTT131087 NJV131086:NJX131087 MZZ131086:NAB131087 MQD131086:MQF131087 MGH131086:MGJ131087 LWL131086:LWN131087 LMP131086:LMR131087 LCT131086:LCV131087 KSX131086:KSZ131087 KJB131086:KJD131087 JZF131086:JZH131087 JPJ131086:JPL131087 JFN131086:JFP131087 IVR131086:IVT131087 ILV131086:ILX131087 IBZ131086:ICB131087 HSD131086:HSF131087 HIH131086:HIJ131087 GYL131086:GYN131087 GOP131086:GOR131087 GET131086:GEV131087 FUX131086:FUZ131087 FLB131086:FLD131087 FBF131086:FBH131087 ERJ131086:ERL131087 EHN131086:EHP131087 DXR131086:DXT131087 DNV131086:DNX131087 DDZ131086:DEB131087 CUD131086:CUF131087 CKH131086:CKJ131087 CAL131086:CAN131087 BQP131086:BQR131087 BGT131086:BGV131087 AWX131086:AWZ131087 ANB131086:AND131087 ADF131086:ADH131087 TJ131086:TL131087 JN131086:JP131087 S131086:U131087 WVZ65550:WWB65551 WMD65550:WMF65551 WCH65550:WCJ65551 VSL65550:VSN65551 VIP65550:VIR65551 UYT65550:UYV65551 UOX65550:UOZ65551 UFB65550:UFD65551 TVF65550:TVH65551 TLJ65550:TLL65551 TBN65550:TBP65551 SRR65550:SRT65551 SHV65550:SHX65551 RXZ65550:RYB65551 ROD65550:ROF65551 REH65550:REJ65551 QUL65550:QUN65551 QKP65550:QKR65551 QAT65550:QAV65551 PQX65550:PQZ65551 PHB65550:PHD65551 OXF65550:OXH65551 ONJ65550:ONL65551 ODN65550:ODP65551 NTR65550:NTT65551 NJV65550:NJX65551 MZZ65550:NAB65551 MQD65550:MQF65551 MGH65550:MGJ65551 LWL65550:LWN65551 LMP65550:LMR65551 LCT65550:LCV65551 KSX65550:KSZ65551 KJB65550:KJD65551 JZF65550:JZH65551 JPJ65550:JPL65551 JFN65550:JFP65551 IVR65550:IVT65551 ILV65550:ILX65551 IBZ65550:ICB65551 HSD65550:HSF65551 HIH65550:HIJ65551 GYL65550:GYN65551 GOP65550:GOR65551 GET65550:GEV65551 FUX65550:FUZ65551 FLB65550:FLD65551 FBF65550:FBH65551 ERJ65550:ERL65551 EHN65550:EHP65551 DXR65550:DXT65551 DNV65550:DNX65551 DDZ65550:DEB65551 CUD65550:CUF65551 CKH65550:CKJ65551 CAL65550:CAN65551 BQP65550:BQR65551 BGT65550:BGV65551 AWX65550:AWZ65551 ANB65550:AND65551 ADF65550:ADH65551 TJ65550:TL65551 JN65550:JP65551 S65550:U65551 WVZ14:WWB15 WMD14:WMF15 WCH14:WCJ15 VSL14:VSN15 VIP14:VIR15 UYT14:UYV15 UOX14:UOZ15 UFB14:UFD15 TVF14:TVH15 TLJ14:TLL15 TBN14:TBP15 SRR14:SRT15 SHV14:SHX15 RXZ14:RYB15 ROD14:ROF15 REH14:REJ15 QUL14:QUN15 QKP14:QKR15 QAT14:QAV15 PQX14:PQZ15 PHB14:PHD15 OXF14:OXH15 ONJ14:ONL15 ODN14:ODP15 NTR14:NTT15 NJV14:NJX15 MZZ14:NAB15 MQD14:MQF15 MGH14:MGJ15 LWL14:LWN15 LMP14:LMR15 LCT14:LCV15 KSX14:KSZ15 KJB14:KJD15 JZF14:JZH15 JPJ14:JPL15 JFN14:JFP15 IVR14:IVT15 ILV14:ILX15 IBZ14:ICB15 HSD14:HSF15 HIH14:HIJ15 GYL14:GYN15 GOP14:GOR15 GET14:GEV15 FUX14:FUZ15 FLB14:FLD15 FBF14:FBH15 ERJ14:ERL15 EHN14:EHP15 DXR14:DXT15 DNV14:DNX15 DDZ14:DEB15 CUD14:CUF15 CKH14:CKJ15 CAL14:CAN15 BQP14:BQR15 BGT14:BGV15 AWX14:AWZ15 ANB14:AND15 ADF14:ADH15 TJ14:TL15 JN14:JP15 S11:U12 WVK983051:WVS983052 WLO983051:WLW983052 WBS983051:WCA983052 VRW983051:VSE983052 VIA983051:VII983052 UYE983051:UYM983052 UOI983051:UOQ983052 UEM983051:UEU983052 TUQ983051:TUY983052 TKU983051:TLC983052 TAY983051:TBG983052 SRC983051:SRK983052 SHG983051:SHO983052 RXK983051:RXS983052 RNO983051:RNW983052 RDS983051:REA983052 QTW983051:QUE983052 QKA983051:QKI983052 QAE983051:QAM983052 PQI983051:PQQ983052 PGM983051:PGU983052 OWQ983051:OWY983052 OMU983051:ONC983052 OCY983051:ODG983052 NTC983051:NTK983052 NJG983051:NJO983052 MZK983051:MZS983052 MPO983051:MPW983052 MFS983051:MGA983052 LVW983051:LWE983052 LMA983051:LMI983052 LCE983051:LCM983052 KSI983051:KSQ983052 KIM983051:KIU983052 JYQ983051:JYY983052 JOU983051:JPC983052 JEY983051:JFG983052 IVC983051:IVK983052 ILG983051:ILO983052 IBK983051:IBS983052 HRO983051:HRW983052 HHS983051:HIA983052 GXW983051:GYE983052 GOA983051:GOI983052 GEE983051:GEM983052 FUI983051:FUQ983052 FKM983051:FKU983052 FAQ983051:FAY983052 EQU983051:ERC983052 EGY983051:EHG983052 DXC983051:DXK983052 DNG983051:DNO983052 DDK983051:DDS983052 CTO983051:CTW983052 CJS983051:CKA983052 BZW983051:CAE983052 BQA983051:BQI983052 BGE983051:BGM983052 AWI983051:AWQ983052 AMM983051:AMU983052 ACQ983051:ACY983052 SU983051:TC983052 IY983051:JG983052 D8 WVK917515:WVS917516 WLO917515:WLW917516 WBS917515:WCA917516 VRW917515:VSE917516 VIA917515:VII917516 UYE917515:UYM917516 UOI917515:UOQ917516 UEM917515:UEU917516 TUQ917515:TUY917516 TKU917515:TLC917516 TAY917515:TBG917516 SRC917515:SRK917516 SHG917515:SHO917516 RXK917515:RXS917516 RNO917515:RNW917516 RDS917515:REA917516 QTW917515:QUE917516 QKA917515:QKI917516 QAE917515:QAM917516 PQI917515:PQQ917516 PGM917515:PGU917516 OWQ917515:OWY917516 OMU917515:ONC917516 OCY917515:ODG917516 NTC917515:NTK917516 NJG917515:NJO917516 MZK917515:MZS917516 MPO917515:MPW917516 MFS917515:MGA917516 LVW917515:LWE917516 LMA917515:LMI917516 LCE917515:LCM917516 KSI917515:KSQ917516 KIM917515:KIU917516 JYQ917515:JYY917516 JOU917515:JPC917516 JEY917515:JFG917516 IVC917515:IVK917516 ILG917515:ILO917516 IBK917515:IBS917516 HRO917515:HRW917516 HHS917515:HIA917516 GXW917515:GYE917516 GOA917515:GOI917516 GEE917515:GEM917516 FUI917515:FUQ917516 FKM917515:FKU917516 FAQ917515:FAY917516 EQU917515:ERC917516 EGY917515:EHG917516 DXC917515:DXK917516 DNG917515:DNO917516 DDK917515:DDS917516 CTO917515:CTW917516 CJS917515:CKA917516 BZW917515:CAE917516 BQA917515:BQI917516 BGE917515:BGM917516 AWI917515:AWQ917516 AMM917515:AMU917516 ACQ917515:ACY917516 SU917515:TC917516 IY917515:JG917516 E983051:L983052 WVK851979:WVS851980 WLO851979:WLW851980 WBS851979:WCA851980 VRW851979:VSE851980 VIA851979:VII851980 UYE851979:UYM851980 UOI851979:UOQ851980 UEM851979:UEU851980 TUQ851979:TUY851980 TKU851979:TLC851980 TAY851979:TBG851980 SRC851979:SRK851980 SHG851979:SHO851980 RXK851979:RXS851980 RNO851979:RNW851980 RDS851979:REA851980 QTW851979:QUE851980 QKA851979:QKI851980 QAE851979:QAM851980 PQI851979:PQQ851980 PGM851979:PGU851980 OWQ851979:OWY851980 OMU851979:ONC851980 OCY851979:ODG851980 NTC851979:NTK851980 NJG851979:NJO851980 MZK851979:MZS851980 MPO851979:MPW851980 MFS851979:MGA851980 LVW851979:LWE851980 LMA851979:LMI851980 LCE851979:LCM851980 KSI851979:KSQ851980 KIM851979:KIU851980 JYQ851979:JYY851980 JOU851979:JPC851980 JEY851979:JFG851980 IVC851979:IVK851980 ILG851979:ILO851980 IBK851979:IBS851980 HRO851979:HRW851980 HHS851979:HIA851980 GXW851979:GYE851980 GOA851979:GOI851980 GEE851979:GEM851980 FUI851979:FUQ851980 FKM851979:FKU851980 FAQ851979:FAY851980 EQU851979:ERC851980 EGY851979:EHG851980 DXC851979:DXK851980 DNG851979:DNO851980 DDK851979:DDS851980 CTO851979:CTW851980 CJS851979:CKA851980 BZW851979:CAE851980 BQA851979:BQI851980 BGE851979:BGM851980 AWI851979:AWQ851980 AMM851979:AMU851980 ACQ851979:ACY851980 SU851979:TC851980 IY851979:JG851980 E917515:L917516 WVK786443:WVS786444 WLO786443:WLW786444 WBS786443:WCA786444 VRW786443:VSE786444 VIA786443:VII786444 UYE786443:UYM786444 UOI786443:UOQ786444 UEM786443:UEU786444 TUQ786443:TUY786444 TKU786443:TLC786444 TAY786443:TBG786444 SRC786443:SRK786444 SHG786443:SHO786444 RXK786443:RXS786444 RNO786443:RNW786444 RDS786443:REA786444 QTW786443:QUE786444 QKA786443:QKI786444 QAE786443:QAM786444 PQI786443:PQQ786444 PGM786443:PGU786444 OWQ786443:OWY786444 OMU786443:ONC786444 OCY786443:ODG786444 NTC786443:NTK786444 NJG786443:NJO786444 MZK786443:MZS786444 MPO786443:MPW786444 MFS786443:MGA786444 LVW786443:LWE786444 LMA786443:LMI786444 LCE786443:LCM786444 KSI786443:KSQ786444 KIM786443:KIU786444 JYQ786443:JYY786444 JOU786443:JPC786444 JEY786443:JFG786444 IVC786443:IVK786444 ILG786443:ILO786444 IBK786443:IBS786444 HRO786443:HRW786444 HHS786443:HIA786444 GXW786443:GYE786444 GOA786443:GOI786444 GEE786443:GEM786444 FUI786443:FUQ786444 FKM786443:FKU786444 FAQ786443:FAY786444 EQU786443:ERC786444 EGY786443:EHG786444 DXC786443:DXK786444 DNG786443:DNO786444 DDK786443:DDS786444 CTO786443:CTW786444 CJS786443:CKA786444 BZW786443:CAE786444 BQA786443:BQI786444 BGE786443:BGM786444 AWI786443:AWQ786444 AMM786443:AMU786444 ACQ786443:ACY786444 SU786443:TC786444 IY786443:JG786444 E851979:L851980 WVK720907:WVS720908 WLO720907:WLW720908 WBS720907:WCA720908 VRW720907:VSE720908 VIA720907:VII720908 UYE720907:UYM720908 UOI720907:UOQ720908 UEM720907:UEU720908 TUQ720907:TUY720908 TKU720907:TLC720908 TAY720907:TBG720908 SRC720907:SRK720908 SHG720907:SHO720908 RXK720907:RXS720908 RNO720907:RNW720908 RDS720907:REA720908 QTW720907:QUE720908 QKA720907:QKI720908 QAE720907:QAM720908 PQI720907:PQQ720908 PGM720907:PGU720908 OWQ720907:OWY720908 OMU720907:ONC720908 OCY720907:ODG720908 NTC720907:NTK720908 NJG720907:NJO720908 MZK720907:MZS720908 MPO720907:MPW720908 MFS720907:MGA720908 LVW720907:LWE720908 LMA720907:LMI720908 LCE720907:LCM720908 KSI720907:KSQ720908 KIM720907:KIU720908 JYQ720907:JYY720908 JOU720907:JPC720908 JEY720907:JFG720908 IVC720907:IVK720908 ILG720907:ILO720908 IBK720907:IBS720908 HRO720907:HRW720908 HHS720907:HIA720908 GXW720907:GYE720908 GOA720907:GOI720908 GEE720907:GEM720908 FUI720907:FUQ720908 FKM720907:FKU720908 FAQ720907:FAY720908 EQU720907:ERC720908 EGY720907:EHG720908 DXC720907:DXK720908 DNG720907:DNO720908 DDK720907:DDS720908 CTO720907:CTW720908 CJS720907:CKA720908 BZW720907:CAE720908 BQA720907:BQI720908 BGE720907:BGM720908 AWI720907:AWQ720908 AMM720907:AMU720908 ACQ720907:ACY720908 SU720907:TC720908 IY720907:JG720908 E786443:L786444 WVK655371:WVS655372 WLO655371:WLW655372 WBS655371:WCA655372 VRW655371:VSE655372 VIA655371:VII655372 UYE655371:UYM655372 UOI655371:UOQ655372 UEM655371:UEU655372 TUQ655371:TUY655372 TKU655371:TLC655372 TAY655371:TBG655372 SRC655371:SRK655372 SHG655371:SHO655372 RXK655371:RXS655372 RNO655371:RNW655372 RDS655371:REA655372 QTW655371:QUE655372 QKA655371:QKI655372 QAE655371:QAM655372 PQI655371:PQQ655372 PGM655371:PGU655372 OWQ655371:OWY655372 OMU655371:ONC655372 OCY655371:ODG655372 NTC655371:NTK655372 NJG655371:NJO655372 MZK655371:MZS655372 MPO655371:MPW655372 MFS655371:MGA655372 LVW655371:LWE655372 LMA655371:LMI655372 LCE655371:LCM655372 KSI655371:KSQ655372 KIM655371:KIU655372 JYQ655371:JYY655372 JOU655371:JPC655372 JEY655371:JFG655372 IVC655371:IVK655372 ILG655371:ILO655372 IBK655371:IBS655372 HRO655371:HRW655372 HHS655371:HIA655372 GXW655371:GYE655372 GOA655371:GOI655372 GEE655371:GEM655372 FUI655371:FUQ655372 FKM655371:FKU655372 FAQ655371:FAY655372 EQU655371:ERC655372 EGY655371:EHG655372 DXC655371:DXK655372 DNG655371:DNO655372 DDK655371:DDS655372 CTO655371:CTW655372 CJS655371:CKA655372 BZW655371:CAE655372 BQA655371:BQI655372 BGE655371:BGM655372 AWI655371:AWQ655372 AMM655371:AMU655372 ACQ655371:ACY655372 SU655371:TC655372 IY655371:JG655372 E720907:L720908 WVK589835:WVS589836 WLO589835:WLW589836 WBS589835:WCA589836 VRW589835:VSE589836 VIA589835:VII589836 UYE589835:UYM589836 UOI589835:UOQ589836 UEM589835:UEU589836 TUQ589835:TUY589836 TKU589835:TLC589836 TAY589835:TBG589836 SRC589835:SRK589836 SHG589835:SHO589836 RXK589835:RXS589836 RNO589835:RNW589836 RDS589835:REA589836 QTW589835:QUE589836 QKA589835:QKI589836 QAE589835:QAM589836 PQI589835:PQQ589836 PGM589835:PGU589836 OWQ589835:OWY589836 OMU589835:ONC589836 OCY589835:ODG589836 NTC589835:NTK589836 NJG589835:NJO589836 MZK589835:MZS589836 MPO589835:MPW589836 MFS589835:MGA589836 LVW589835:LWE589836 LMA589835:LMI589836 LCE589835:LCM589836 KSI589835:KSQ589836 KIM589835:KIU589836 JYQ589835:JYY589836 JOU589835:JPC589836 JEY589835:JFG589836 IVC589835:IVK589836 ILG589835:ILO589836 IBK589835:IBS589836 HRO589835:HRW589836 HHS589835:HIA589836 GXW589835:GYE589836 GOA589835:GOI589836 GEE589835:GEM589836 FUI589835:FUQ589836 FKM589835:FKU589836 FAQ589835:FAY589836 EQU589835:ERC589836 EGY589835:EHG589836 DXC589835:DXK589836 DNG589835:DNO589836 DDK589835:DDS589836 CTO589835:CTW589836 CJS589835:CKA589836 BZW589835:CAE589836 BQA589835:BQI589836 BGE589835:BGM589836 AWI589835:AWQ589836 AMM589835:AMU589836 ACQ589835:ACY589836 SU589835:TC589836 IY589835:JG589836 E655371:L655372 WVK524299:WVS524300 WLO524299:WLW524300 WBS524299:WCA524300 VRW524299:VSE524300 VIA524299:VII524300 UYE524299:UYM524300 UOI524299:UOQ524300 UEM524299:UEU524300 TUQ524299:TUY524300 TKU524299:TLC524300 TAY524299:TBG524300 SRC524299:SRK524300 SHG524299:SHO524300 RXK524299:RXS524300 RNO524299:RNW524300 RDS524299:REA524300 QTW524299:QUE524300 QKA524299:QKI524300 QAE524299:QAM524300 PQI524299:PQQ524300 PGM524299:PGU524300 OWQ524299:OWY524300 OMU524299:ONC524300 OCY524299:ODG524300 NTC524299:NTK524300 NJG524299:NJO524300 MZK524299:MZS524300 MPO524299:MPW524300 MFS524299:MGA524300 LVW524299:LWE524300 LMA524299:LMI524300 LCE524299:LCM524300 KSI524299:KSQ524300 KIM524299:KIU524300 JYQ524299:JYY524300 JOU524299:JPC524300 JEY524299:JFG524300 IVC524299:IVK524300 ILG524299:ILO524300 IBK524299:IBS524300 HRO524299:HRW524300 HHS524299:HIA524300 GXW524299:GYE524300 GOA524299:GOI524300 GEE524299:GEM524300 FUI524299:FUQ524300 FKM524299:FKU524300 FAQ524299:FAY524300 EQU524299:ERC524300 EGY524299:EHG524300 DXC524299:DXK524300 DNG524299:DNO524300 DDK524299:DDS524300 CTO524299:CTW524300 CJS524299:CKA524300 BZW524299:CAE524300 BQA524299:BQI524300 BGE524299:BGM524300 AWI524299:AWQ524300 AMM524299:AMU524300 ACQ524299:ACY524300 SU524299:TC524300 IY524299:JG524300 E589835:L589836 WVK458763:WVS458764 WLO458763:WLW458764 WBS458763:WCA458764 VRW458763:VSE458764 VIA458763:VII458764 UYE458763:UYM458764 UOI458763:UOQ458764 UEM458763:UEU458764 TUQ458763:TUY458764 TKU458763:TLC458764 TAY458763:TBG458764 SRC458763:SRK458764 SHG458763:SHO458764 RXK458763:RXS458764 RNO458763:RNW458764 RDS458763:REA458764 QTW458763:QUE458764 QKA458763:QKI458764 QAE458763:QAM458764 PQI458763:PQQ458764 PGM458763:PGU458764 OWQ458763:OWY458764 OMU458763:ONC458764 OCY458763:ODG458764 NTC458763:NTK458764 NJG458763:NJO458764 MZK458763:MZS458764 MPO458763:MPW458764 MFS458763:MGA458764 LVW458763:LWE458764 LMA458763:LMI458764 LCE458763:LCM458764 KSI458763:KSQ458764 KIM458763:KIU458764 JYQ458763:JYY458764 JOU458763:JPC458764 JEY458763:JFG458764 IVC458763:IVK458764 ILG458763:ILO458764 IBK458763:IBS458764 HRO458763:HRW458764 HHS458763:HIA458764 GXW458763:GYE458764 GOA458763:GOI458764 GEE458763:GEM458764 FUI458763:FUQ458764 FKM458763:FKU458764 FAQ458763:FAY458764 EQU458763:ERC458764 EGY458763:EHG458764 DXC458763:DXK458764 DNG458763:DNO458764 DDK458763:DDS458764 CTO458763:CTW458764 CJS458763:CKA458764 BZW458763:CAE458764 BQA458763:BQI458764 BGE458763:BGM458764 AWI458763:AWQ458764 AMM458763:AMU458764 ACQ458763:ACY458764 SU458763:TC458764 IY458763:JG458764 E524299:L524300 WVK393227:WVS393228 WLO393227:WLW393228 WBS393227:WCA393228 VRW393227:VSE393228 VIA393227:VII393228 UYE393227:UYM393228 UOI393227:UOQ393228 UEM393227:UEU393228 TUQ393227:TUY393228 TKU393227:TLC393228 TAY393227:TBG393228 SRC393227:SRK393228 SHG393227:SHO393228 RXK393227:RXS393228 RNO393227:RNW393228 RDS393227:REA393228 QTW393227:QUE393228 QKA393227:QKI393228 QAE393227:QAM393228 PQI393227:PQQ393228 PGM393227:PGU393228 OWQ393227:OWY393228 OMU393227:ONC393228 OCY393227:ODG393228 NTC393227:NTK393228 NJG393227:NJO393228 MZK393227:MZS393228 MPO393227:MPW393228 MFS393227:MGA393228 LVW393227:LWE393228 LMA393227:LMI393228 LCE393227:LCM393228 KSI393227:KSQ393228 KIM393227:KIU393228 JYQ393227:JYY393228 JOU393227:JPC393228 JEY393227:JFG393228 IVC393227:IVK393228 ILG393227:ILO393228 IBK393227:IBS393228 HRO393227:HRW393228 HHS393227:HIA393228 GXW393227:GYE393228 GOA393227:GOI393228 GEE393227:GEM393228 FUI393227:FUQ393228 FKM393227:FKU393228 FAQ393227:FAY393228 EQU393227:ERC393228 EGY393227:EHG393228 DXC393227:DXK393228 DNG393227:DNO393228 DDK393227:DDS393228 CTO393227:CTW393228 CJS393227:CKA393228 BZW393227:CAE393228 BQA393227:BQI393228 BGE393227:BGM393228 AWI393227:AWQ393228 AMM393227:AMU393228 ACQ393227:ACY393228 SU393227:TC393228 IY393227:JG393228 E458763:L458764 WVK327691:WVS327692 WLO327691:WLW327692 WBS327691:WCA327692 VRW327691:VSE327692 VIA327691:VII327692 UYE327691:UYM327692 UOI327691:UOQ327692 UEM327691:UEU327692 TUQ327691:TUY327692 TKU327691:TLC327692 TAY327691:TBG327692 SRC327691:SRK327692 SHG327691:SHO327692 RXK327691:RXS327692 RNO327691:RNW327692 RDS327691:REA327692 QTW327691:QUE327692 QKA327691:QKI327692 QAE327691:QAM327692 PQI327691:PQQ327692 PGM327691:PGU327692 OWQ327691:OWY327692 OMU327691:ONC327692 OCY327691:ODG327692 NTC327691:NTK327692 NJG327691:NJO327692 MZK327691:MZS327692 MPO327691:MPW327692 MFS327691:MGA327692 LVW327691:LWE327692 LMA327691:LMI327692 LCE327691:LCM327692 KSI327691:KSQ327692 KIM327691:KIU327692 JYQ327691:JYY327692 JOU327691:JPC327692 JEY327691:JFG327692 IVC327691:IVK327692 ILG327691:ILO327692 IBK327691:IBS327692 HRO327691:HRW327692 HHS327691:HIA327692 GXW327691:GYE327692 GOA327691:GOI327692 GEE327691:GEM327692 FUI327691:FUQ327692 FKM327691:FKU327692 FAQ327691:FAY327692 EQU327691:ERC327692 EGY327691:EHG327692 DXC327691:DXK327692 DNG327691:DNO327692 DDK327691:DDS327692 CTO327691:CTW327692 CJS327691:CKA327692 BZW327691:CAE327692 BQA327691:BQI327692 BGE327691:BGM327692 AWI327691:AWQ327692 AMM327691:AMU327692 ACQ327691:ACY327692 SU327691:TC327692 IY327691:JG327692 E393227:L393228 WVK262155:WVS262156 WLO262155:WLW262156 WBS262155:WCA262156 VRW262155:VSE262156 VIA262155:VII262156 UYE262155:UYM262156 UOI262155:UOQ262156 UEM262155:UEU262156 TUQ262155:TUY262156 TKU262155:TLC262156 TAY262155:TBG262156 SRC262155:SRK262156 SHG262155:SHO262156 RXK262155:RXS262156 RNO262155:RNW262156 RDS262155:REA262156 QTW262155:QUE262156 QKA262155:QKI262156 QAE262155:QAM262156 PQI262155:PQQ262156 PGM262155:PGU262156 OWQ262155:OWY262156 OMU262155:ONC262156 OCY262155:ODG262156 NTC262155:NTK262156 NJG262155:NJO262156 MZK262155:MZS262156 MPO262155:MPW262156 MFS262155:MGA262156 LVW262155:LWE262156 LMA262155:LMI262156 LCE262155:LCM262156 KSI262155:KSQ262156 KIM262155:KIU262156 JYQ262155:JYY262156 JOU262155:JPC262156 JEY262155:JFG262156 IVC262155:IVK262156 ILG262155:ILO262156 IBK262155:IBS262156 HRO262155:HRW262156 HHS262155:HIA262156 GXW262155:GYE262156 GOA262155:GOI262156 GEE262155:GEM262156 FUI262155:FUQ262156 FKM262155:FKU262156 FAQ262155:FAY262156 EQU262155:ERC262156 EGY262155:EHG262156 DXC262155:DXK262156 DNG262155:DNO262156 DDK262155:DDS262156 CTO262155:CTW262156 CJS262155:CKA262156 BZW262155:CAE262156 BQA262155:BQI262156 BGE262155:BGM262156 AWI262155:AWQ262156 AMM262155:AMU262156 ACQ262155:ACY262156 SU262155:TC262156 IY262155:JG262156 E327691:L327692 WVK196619:WVS196620 WLO196619:WLW196620 WBS196619:WCA196620 VRW196619:VSE196620 VIA196619:VII196620 UYE196619:UYM196620 UOI196619:UOQ196620 UEM196619:UEU196620 TUQ196619:TUY196620 TKU196619:TLC196620 TAY196619:TBG196620 SRC196619:SRK196620 SHG196619:SHO196620 RXK196619:RXS196620 RNO196619:RNW196620 RDS196619:REA196620 QTW196619:QUE196620 QKA196619:QKI196620 QAE196619:QAM196620 PQI196619:PQQ196620 PGM196619:PGU196620 OWQ196619:OWY196620 OMU196619:ONC196620 OCY196619:ODG196620 NTC196619:NTK196620 NJG196619:NJO196620 MZK196619:MZS196620 MPO196619:MPW196620 MFS196619:MGA196620 LVW196619:LWE196620 LMA196619:LMI196620 LCE196619:LCM196620 KSI196619:KSQ196620 KIM196619:KIU196620 JYQ196619:JYY196620 JOU196619:JPC196620 JEY196619:JFG196620 IVC196619:IVK196620 ILG196619:ILO196620 IBK196619:IBS196620 HRO196619:HRW196620 HHS196619:HIA196620 GXW196619:GYE196620 GOA196619:GOI196620 GEE196619:GEM196620 FUI196619:FUQ196620 FKM196619:FKU196620 FAQ196619:FAY196620 EQU196619:ERC196620 EGY196619:EHG196620 DXC196619:DXK196620 DNG196619:DNO196620 DDK196619:DDS196620 CTO196619:CTW196620 CJS196619:CKA196620 BZW196619:CAE196620 BQA196619:BQI196620 BGE196619:BGM196620 AWI196619:AWQ196620 AMM196619:AMU196620 ACQ196619:ACY196620 SU196619:TC196620 IY196619:JG196620 E262155:L262156 WVK131083:WVS131084 WLO131083:WLW131084 WBS131083:WCA131084 VRW131083:VSE131084 VIA131083:VII131084 UYE131083:UYM131084 UOI131083:UOQ131084 UEM131083:UEU131084 TUQ131083:TUY131084 TKU131083:TLC131084 TAY131083:TBG131084 SRC131083:SRK131084 SHG131083:SHO131084 RXK131083:RXS131084 RNO131083:RNW131084 RDS131083:REA131084 QTW131083:QUE131084 QKA131083:QKI131084 QAE131083:QAM131084 PQI131083:PQQ131084 PGM131083:PGU131084 OWQ131083:OWY131084 OMU131083:ONC131084 OCY131083:ODG131084 NTC131083:NTK131084 NJG131083:NJO131084 MZK131083:MZS131084 MPO131083:MPW131084 MFS131083:MGA131084 LVW131083:LWE131084 LMA131083:LMI131084 LCE131083:LCM131084 KSI131083:KSQ131084 KIM131083:KIU131084 JYQ131083:JYY131084 JOU131083:JPC131084 JEY131083:JFG131084 IVC131083:IVK131084 ILG131083:ILO131084 IBK131083:IBS131084 HRO131083:HRW131084 HHS131083:HIA131084 GXW131083:GYE131084 GOA131083:GOI131084 GEE131083:GEM131084 FUI131083:FUQ131084 FKM131083:FKU131084 FAQ131083:FAY131084 EQU131083:ERC131084 EGY131083:EHG131084 DXC131083:DXK131084 DNG131083:DNO131084 DDK131083:DDS131084 CTO131083:CTW131084 CJS131083:CKA131084 BZW131083:CAE131084 BQA131083:BQI131084 BGE131083:BGM131084 AWI131083:AWQ131084 AMM131083:AMU131084 ACQ131083:ACY131084 SU131083:TC131084 IY131083:JG131084 E196619:L196620 WVK65547:WVS65548 WLO65547:WLW65548 WBS65547:WCA65548 VRW65547:VSE65548 VIA65547:VII65548 UYE65547:UYM65548 UOI65547:UOQ65548 UEM65547:UEU65548 TUQ65547:TUY65548 TKU65547:TLC65548 TAY65547:TBG65548 SRC65547:SRK65548 SHG65547:SHO65548 RXK65547:RXS65548 RNO65547:RNW65548 RDS65547:REA65548 QTW65547:QUE65548 QKA65547:QKI65548 QAE65547:QAM65548 PQI65547:PQQ65548 PGM65547:PGU65548 OWQ65547:OWY65548 OMU65547:ONC65548 OCY65547:ODG65548 NTC65547:NTK65548 NJG65547:NJO65548 MZK65547:MZS65548 MPO65547:MPW65548 MFS65547:MGA65548 LVW65547:LWE65548 LMA65547:LMI65548 LCE65547:LCM65548 KSI65547:KSQ65548 KIM65547:KIU65548 JYQ65547:JYY65548 JOU65547:JPC65548 JEY65547:JFG65548 IVC65547:IVK65548 ILG65547:ILO65548 IBK65547:IBS65548 HRO65547:HRW65548 HHS65547:HIA65548 GXW65547:GYE65548 GOA65547:GOI65548 GEE65547:GEM65548 FUI65547:FUQ65548 FKM65547:FKU65548 FAQ65547:FAY65548 EQU65547:ERC65548 EGY65547:EHG65548 DXC65547:DXK65548 DNG65547:DNO65548 DDK65547:DDS65548 CTO65547:CTW65548 CJS65547:CKA65548 BZW65547:CAE65548 BQA65547:BQI65548 BGE65547:BGM65548 AWI65547:AWQ65548 AMM65547:AMU65548 ACQ65547:ACY65548 SU65547:TC65548 IY65547:JG65548 E131083:L131084 WVK11:WVS12 WLO11:WLW12 WBS11:WCA12 VRW11:VSE12 VIA11:VII12 UYE11:UYM12 UOI11:UOQ12 UEM11:UEU12 TUQ11:TUY12 TKU11:TLC12 TAY11:TBG12 SRC11:SRK12 SHG11:SHO12 RXK11:RXS12 RNO11:RNW12 RDS11:REA12 QTW11:QUE12 QKA11:QKI12 QAE11:QAM12 PQI11:PQQ12 PGM11:PGU12 OWQ11:OWY12 OMU11:ONC12 OCY11:ODG12 NTC11:NTK12 NJG11:NJO12 MZK11:MZS12 MPO11:MPW12 MFS11:MGA12 LVW11:LWE12 LMA11:LMI12 LCE11:LCM12 KSI11:KSQ12 KIM11:KIU12 JYQ11:JYY12 JOU11:JPC12 JEY11:JFG12 IVC11:IVK12 ILG11:ILO12 IBK11:IBS12 HRO11:HRW12 HHS11:HIA12 GXW11:GYE12 GOA11:GOI12 GEE11:GEM12 FUI11:FUQ12 FKM11:FKU12 FAQ11:FAY12 EQU11:ERC12 EGY11:EHG12 DXC11:DXK12 DNG11:DNO12 DDK11:DDS12 CTO11:CTW12 CJS11:CKA12 BZW11:CAE12 BQA11:BQI12 BGE11:BGM12 AWI11:AWQ12 AMM11:AMU12 ACQ11:ACY12 SU11:TC12 IY11:JG12 E65547:L65548 WVU983051:WVX983052 WLY983051:WMB983052 WCC983051:WCF983052 VSG983051:VSJ983052 VIK983051:VIN983052 UYO983051:UYR983052 UOS983051:UOV983052 UEW983051:UEZ983052 TVA983051:TVD983052 TLE983051:TLH983052 TBI983051:TBL983052 SRM983051:SRP983052 SHQ983051:SHT983052 RXU983051:RXX983052 RNY983051:ROB983052 REC983051:REF983052 QUG983051:QUJ983052 QKK983051:QKN983052 QAO983051:QAR983052 PQS983051:PQV983052 PGW983051:PGZ983052 OXA983051:OXD983052 ONE983051:ONH983052 ODI983051:ODL983052 NTM983051:NTP983052 NJQ983051:NJT983052 MZU983051:MZX983052 MPY983051:MQB983052 MGC983051:MGF983052 LWG983051:LWJ983052 LMK983051:LMN983052 LCO983051:LCR983052 KSS983051:KSV983052 KIW983051:KIZ983052 JZA983051:JZD983052 JPE983051:JPH983052 JFI983051:JFL983052 IVM983051:IVP983052 ILQ983051:ILT983052 IBU983051:IBX983052 HRY983051:HSB983052 HIC983051:HIF983052 GYG983051:GYJ983052 GOK983051:GON983052 GEO983051:GER983052 FUS983051:FUV983052 FKW983051:FKZ983052 FBA983051:FBD983052 ERE983051:ERH983052 EHI983051:EHL983052 DXM983051:DXP983052 DNQ983051:DNT983052 DDU983051:DDX983052 CTY983051:CUB983052 CKC983051:CKF983052 CAG983051:CAJ983052 BQK983051:BQN983052 BGO983051:BGR983052 AWS983051:AWV983052 AMW983051:AMZ983052 ADA983051:ADD983052 TE983051:TH983052 JI983051:JL983052 N983051:Q983052 WVU917515:WVX917516 WLY917515:WMB917516 WCC917515:WCF917516 VSG917515:VSJ917516 VIK917515:VIN917516 UYO917515:UYR917516 UOS917515:UOV917516 UEW917515:UEZ917516 TVA917515:TVD917516 TLE917515:TLH917516 TBI917515:TBL917516 SRM917515:SRP917516 SHQ917515:SHT917516 RXU917515:RXX917516 RNY917515:ROB917516 REC917515:REF917516 QUG917515:QUJ917516 QKK917515:QKN917516 QAO917515:QAR917516 PQS917515:PQV917516 PGW917515:PGZ917516 OXA917515:OXD917516 ONE917515:ONH917516 ODI917515:ODL917516 NTM917515:NTP917516 NJQ917515:NJT917516 MZU917515:MZX917516 MPY917515:MQB917516 MGC917515:MGF917516 LWG917515:LWJ917516 LMK917515:LMN917516 LCO917515:LCR917516 KSS917515:KSV917516 KIW917515:KIZ917516 JZA917515:JZD917516 JPE917515:JPH917516 JFI917515:JFL917516 IVM917515:IVP917516 ILQ917515:ILT917516 IBU917515:IBX917516 HRY917515:HSB917516 HIC917515:HIF917516 GYG917515:GYJ917516 GOK917515:GON917516 GEO917515:GER917516 FUS917515:FUV917516 FKW917515:FKZ917516 FBA917515:FBD917516 ERE917515:ERH917516 EHI917515:EHL917516 DXM917515:DXP917516 DNQ917515:DNT917516 DDU917515:DDX917516 CTY917515:CUB917516 CKC917515:CKF917516 CAG917515:CAJ917516 BQK917515:BQN917516 BGO917515:BGR917516 AWS917515:AWV917516 AMW917515:AMZ917516 ADA917515:ADD917516 TE917515:TH917516 JI917515:JL917516 N917515:Q917516 WVU851979:WVX851980 WLY851979:WMB851980 WCC851979:WCF851980 VSG851979:VSJ851980 VIK851979:VIN851980 UYO851979:UYR851980 UOS851979:UOV851980 UEW851979:UEZ851980 TVA851979:TVD851980 TLE851979:TLH851980 TBI851979:TBL851980 SRM851979:SRP851980 SHQ851979:SHT851980 RXU851979:RXX851980 RNY851979:ROB851980 REC851979:REF851980 QUG851979:QUJ851980 QKK851979:QKN851980 QAO851979:QAR851980 PQS851979:PQV851980 PGW851979:PGZ851980 OXA851979:OXD851980 ONE851979:ONH851980 ODI851979:ODL851980 NTM851979:NTP851980 NJQ851979:NJT851980 MZU851979:MZX851980 MPY851979:MQB851980 MGC851979:MGF851980 LWG851979:LWJ851980 LMK851979:LMN851980 LCO851979:LCR851980 KSS851979:KSV851980 KIW851979:KIZ851980 JZA851979:JZD851980 JPE851979:JPH851980 JFI851979:JFL851980 IVM851979:IVP851980 ILQ851979:ILT851980 IBU851979:IBX851980 HRY851979:HSB851980 HIC851979:HIF851980 GYG851979:GYJ851980 GOK851979:GON851980 GEO851979:GER851980 FUS851979:FUV851980 FKW851979:FKZ851980 FBA851979:FBD851980 ERE851979:ERH851980 EHI851979:EHL851980 DXM851979:DXP851980 DNQ851979:DNT851980 DDU851979:DDX851980 CTY851979:CUB851980 CKC851979:CKF851980 CAG851979:CAJ851980 BQK851979:BQN851980 BGO851979:BGR851980 AWS851979:AWV851980 AMW851979:AMZ851980 ADA851979:ADD851980 TE851979:TH851980 JI851979:JL851980 N851979:Q851980 WVU786443:WVX786444 WLY786443:WMB786444 WCC786443:WCF786444 VSG786443:VSJ786444 VIK786443:VIN786444 UYO786443:UYR786444 UOS786443:UOV786444 UEW786443:UEZ786444 TVA786443:TVD786444 TLE786443:TLH786444 TBI786443:TBL786444 SRM786443:SRP786444 SHQ786443:SHT786444 RXU786443:RXX786444 RNY786443:ROB786444 REC786443:REF786444 QUG786443:QUJ786444 QKK786443:QKN786444 QAO786443:QAR786444 PQS786443:PQV786444 PGW786443:PGZ786444 OXA786443:OXD786444 ONE786443:ONH786444 ODI786443:ODL786444 NTM786443:NTP786444 NJQ786443:NJT786444 MZU786443:MZX786444 MPY786443:MQB786444 MGC786443:MGF786444 LWG786443:LWJ786444 LMK786443:LMN786444 LCO786443:LCR786444 KSS786443:KSV786444 KIW786443:KIZ786444 JZA786443:JZD786444 JPE786443:JPH786444 JFI786443:JFL786444 IVM786443:IVP786444 ILQ786443:ILT786444 IBU786443:IBX786444 HRY786443:HSB786444 HIC786443:HIF786444 GYG786443:GYJ786444 GOK786443:GON786444 GEO786443:GER786444 FUS786443:FUV786444 FKW786443:FKZ786444 FBA786443:FBD786444 ERE786443:ERH786444 EHI786443:EHL786444 DXM786443:DXP786444 DNQ786443:DNT786444 DDU786443:DDX786444 CTY786443:CUB786444 CKC786443:CKF786444 CAG786443:CAJ786444 BQK786443:BQN786444 BGO786443:BGR786444 AWS786443:AWV786444 AMW786443:AMZ786444 ADA786443:ADD786444 TE786443:TH786444 JI786443:JL786444 N786443:Q786444 WVU720907:WVX720908 WLY720907:WMB720908 WCC720907:WCF720908 VSG720907:VSJ720908 VIK720907:VIN720908 UYO720907:UYR720908 UOS720907:UOV720908 UEW720907:UEZ720908 TVA720907:TVD720908 TLE720907:TLH720908 TBI720907:TBL720908 SRM720907:SRP720908 SHQ720907:SHT720908 RXU720907:RXX720908 RNY720907:ROB720908 REC720907:REF720908 QUG720907:QUJ720908 QKK720907:QKN720908 QAO720907:QAR720908 PQS720907:PQV720908 PGW720907:PGZ720908 OXA720907:OXD720908 ONE720907:ONH720908 ODI720907:ODL720908 NTM720907:NTP720908 NJQ720907:NJT720908 MZU720907:MZX720908 MPY720907:MQB720908 MGC720907:MGF720908 LWG720907:LWJ720908 LMK720907:LMN720908 LCO720907:LCR720908 KSS720907:KSV720908 KIW720907:KIZ720908 JZA720907:JZD720908 JPE720907:JPH720908 JFI720907:JFL720908 IVM720907:IVP720908 ILQ720907:ILT720908 IBU720907:IBX720908 HRY720907:HSB720908 HIC720907:HIF720908 GYG720907:GYJ720908 GOK720907:GON720908 GEO720907:GER720908 FUS720907:FUV720908 FKW720907:FKZ720908 FBA720907:FBD720908 ERE720907:ERH720908 EHI720907:EHL720908 DXM720907:DXP720908 DNQ720907:DNT720908 DDU720907:DDX720908 CTY720907:CUB720908 CKC720907:CKF720908 CAG720907:CAJ720908 BQK720907:BQN720908 BGO720907:BGR720908 AWS720907:AWV720908 AMW720907:AMZ720908 ADA720907:ADD720908 TE720907:TH720908 JI720907:JL720908 N720907:Q720908 WVU655371:WVX655372 WLY655371:WMB655372 WCC655371:WCF655372 VSG655371:VSJ655372 VIK655371:VIN655372 UYO655371:UYR655372 UOS655371:UOV655372 UEW655371:UEZ655372 TVA655371:TVD655372 TLE655371:TLH655372 TBI655371:TBL655372 SRM655371:SRP655372 SHQ655371:SHT655372 RXU655371:RXX655372 RNY655371:ROB655372 REC655371:REF655372 QUG655371:QUJ655372 QKK655371:QKN655372 QAO655371:QAR655372 PQS655371:PQV655372 PGW655371:PGZ655372 OXA655371:OXD655372 ONE655371:ONH655372 ODI655371:ODL655372 NTM655371:NTP655372 NJQ655371:NJT655372 MZU655371:MZX655372 MPY655371:MQB655372 MGC655371:MGF655372 LWG655371:LWJ655372 LMK655371:LMN655372 LCO655371:LCR655372 KSS655371:KSV655372 KIW655371:KIZ655372 JZA655371:JZD655372 JPE655371:JPH655372 JFI655371:JFL655372 IVM655371:IVP655372 ILQ655371:ILT655372 IBU655371:IBX655372 HRY655371:HSB655372 HIC655371:HIF655372 GYG655371:GYJ655372 GOK655371:GON655372 GEO655371:GER655372 FUS655371:FUV655372 FKW655371:FKZ655372 FBA655371:FBD655372 ERE655371:ERH655372 EHI655371:EHL655372 DXM655371:DXP655372 DNQ655371:DNT655372 DDU655371:DDX655372 CTY655371:CUB655372 CKC655371:CKF655372 CAG655371:CAJ655372 BQK655371:BQN655372 BGO655371:BGR655372 AWS655371:AWV655372 AMW655371:AMZ655372 ADA655371:ADD655372 TE655371:TH655372 JI655371:JL655372 N655371:Q655372 WVU589835:WVX589836 WLY589835:WMB589836 WCC589835:WCF589836 VSG589835:VSJ589836 VIK589835:VIN589836 UYO589835:UYR589836 UOS589835:UOV589836 UEW589835:UEZ589836 TVA589835:TVD589836 TLE589835:TLH589836 TBI589835:TBL589836 SRM589835:SRP589836 SHQ589835:SHT589836 RXU589835:RXX589836 RNY589835:ROB589836 REC589835:REF589836 QUG589835:QUJ589836 QKK589835:QKN589836 QAO589835:QAR589836 PQS589835:PQV589836 PGW589835:PGZ589836 OXA589835:OXD589836 ONE589835:ONH589836 ODI589835:ODL589836 NTM589835:NTP589836 NJQ589835:NJT589836 MZU589835:MZX589836 MPY589835:MQB589836 MGC589835:MGF589836 LWG589835:LWJ589836 LMK589835:LMN589836 LCO589835:LCR589836 KSS589835:KSV589836 KIW589835:KIZ589836 JZA589835:JZD589836 JPE589835:JPH589836 JFI589835:JFL589836 IVM589835:IVP589836 ILQ589835:ILT589836 IBU589835:IBX589836 HRY589835:HSB589836 HIC589835:HIF589836 GYG589835:GYJ589836 GOK589835:GON589836 GEO589835:GER589836 FUS589835:FUV589836 FKW589835:FKZ589836 FBA589835:FBD589836 ERE589835:ERH589836 EHI589835:EHL589836 DXM589835:DXP589836 DNQ589835:DNT589836 DDU589835:DDX589836 CTY589835:CUB589836 CKC589835:CKF589836 CAG589835:CAJ589836 BQK589835:BQN589836 BGO589835:BGR589836 AWS589835:AWV589836 AMW589835:AMZ589836 ADA589835:ADD589836 TE589835:TH589836 JI589835:JL589836 N589835:Q589836 WVU524299:WVX524300 WLY524299:WMB524300 WCC524299:WCF524300 VSG524299:VSJ524300 VIK524299:VIN524300 UYO524299:UYR524300 UOS524299:UOV524300 UEW524299:UEZ524300 TVA524299:TVD524300 TLE524299:TLH524300 TBI524299:TBL524300 SRM524299:SRP524300 SHQ524299:SHT524300 RXU524299:RXX524300 RNY524299:ROB524300 REC524299:REF524300 QUG524299:QUJ524300 QKK524299:QKN524300 QAO524299:QAR524300 PQS524299:PQV524300 PGW524299:PGZ524300 OXA524299:OXD524300 ONE524299:ONH524300 ODI524299:ODL524300 NTM524299:NTP524300 NJQ524299:NJT524300 MZU524299:MZX524300 MPY524299:MQB524300 MGC524299:MGF524300 LWG524299:LWJ524300 LMK524299:LMN524300 LCO524299:LCR524300 KSS524299:KSV524300 KIW524299:KIZ524300 JZA524299:JZD524300 JPE524299:JPH524300 JFI524299:JFL524300 IVM524299:IVP524300 ILQ524299:ILT524300 IBU524299:IBX524300 HRY524299:HSB524300 HIC524299:HIF524300 GYG524299:GYJ524300 GOK524299:GON524300 GEO524299:GER524300 FUS524299:FUV524300 FKW524299:FKZ524300 FBA524299:FBD524300 ERE524299:ERH524300 EHI524299:EHL524300 DXM524299:DXP524300 DNQ524299:DNT524300 DDU524299:DDX524300 CTY524299:CUB524300 CKC524299:CKF524300 CAG524299:CAJ524300 BQK524299:BQN524300 BGO524299:BGR524300 AWS524299:AWV524300 AMW524299:AMZ524300 ADA524299:ADD524300 TE524299:TH524300 JI524299:JL524300 N524299:Q524300 WVU458763:WVX458764 WLY458763:WMB458764 WCC458763:WCF458764 VSG458763:VSJ458764 VIK458763:VIN458764 UYO458763:UYR458764 UOS458763:UOV458764 UEW458763:UEZ458764 TVA458763:TVD458764 TLE458763:TLH458764 TBI458763:TBL458764 SRM458763:SRP458764 SHQ458763:SHT458764 RXU458763:RXX458764 RNY458763:ROB458764 REC458763:REF458764 QUG458763:QUJ458764 QKK458763:QKN458764 QAO458763:QAR458764 PQS458763:PQV458764 PGW458763:PGZ458764 OXA458763:OXD458764 ONE458763:ONH458764 ODI458763:ODL458764 NTM458763:NTP458764 NJQ458763:NJT458764 MZU458763:MZX458764 MPY458763:MQB458764 MGC458763:MGF458764 LWG458763:LWJ458764 LMK458763:LMN458764 LCO458763:LCR458764 KSS458763:KSV458764 KIW458763:KIZ458764 JZA458763:JZD458764 JPE458763:JPH458764 JFI458763:JFL458764 IVM458763:IVP458764 ILQ458763:ILT458764 IBU458763:IBX458764 HRY458763:HSB458764 HIC458763:HIF458764 GYG458763:GYJ458764 GOK458763:GON458764 GEO458763:GER458764 FUS458763:FUV458764 FKW458763:FKZ458764 FBA458763:FBD458764 ERE458763:ERH458764 EHI458763:EHL458764 DXM458763:DXP458764 DNQ458763:DNT458764 DDU458763:DDX458764 CTY458763:CUB458764 CKC458763:CKF458764 CAG458763:CAJ458764 BQK458763:BQN458764 BGO458763:BGR458764 AWS458763:AWV458764 AMW458763:AMZ458764 ADA458763:ADD458764 TE458763:TH458764 JI458763:JL458764 N458763:Q458764 WVU393227:WVX393228 WLY393227:WMB393228 WCC393227:WCF393228 VSG393227:VSJ393228 VIK393227:VIN393228 UYO393227:UYR393228 UOS393227:UOV393228 UEW393227:UEZ393228 TVA393227:TVD393228 TLE393227:TLH393228 TBI393227:TBL393228 SRM393227:SRP393228 SHQ393227:SHT393228 RXU393227:RXX393228 RNY393227:ROB393228 REC393227:REF393228 QUG393227:QUJ393228 QKK393227:QKN393228 QAO393227:QAR393228 PQS393227:PQV393228 PGW393227:PGZ393228 OXA393227:OXD393228 ONE393227:ONH393228 ODI393227:ODL393228 NTM393227:NTP393228 NJQ393227:NJT393228 MZU393227:MZX393228 MPY393227:MQB393228 MGC393227:MGF393228 LWG393227:LWJ393228 LMK393227:LMN393228 LCO393227:LCR393228 KSS393227:KSV393228 KIW393227:KIZ393228 JZA393227:JZD393228 JPE393227:JPH393228 JFI393227:JFL393228 IVM393227:IVP393228 ILQ393227:ILT393228 IBU393227:IBX393228 HRY393227:HSB393228 HIC393227:HIF393228 GYG393227:GYJ393228 GOK393227:GON393228 GEO393227:GER393228 FUS393227:FUV393228 FKW393227:FKZ393228 FBA393227:FBD393228 ERE393227:ERH393228 EHI393227:EHL393228 DXM393227:DXP393228 DNQ393227:DNT393228 DDU393227:DDX393228 CTY393227:CUB393228 CKC393227:CKF393228 CAG393227:CAJ393228 BQK393227:BQN393228 BGO393227:BGR393228 AWS393227:AWV393228 AMW393227:AMZ393228 ADA393227:ADD393228 TE393227:TH393228 JI393227:JL393228 N393227:Q393228 WVU327691:WVX327692 WLY327691:WMB327692 WCC327691:WCF327692 VSG327691:VSJ327692 VIK327691:VIN327692 UYO327691:UYR327692 UOS327691:UOV327692 UEW327691:UEZ327692 TVA327691:TVD327692 TLE327691:TLH327692 TBI327691:TBL327692 SRM327691:SRP327692 SHQ327691:SHT327692 RXU327691:RXX327692 RNY327691:ROB327692 REC327691:REF327692 QUG327691:QUJ327692 QKK327691:QKN327692 QAO327691:QAR327692 PQS327691:PQV327692 PGW327691:PGZ327692 OXA327691:OXD327692 ONE327691:ONH327692 ODI327691:ODL327692 NTM327691:NTP327692 NJQ327691:NJT327692 MZU327691:MZX327692 MPY327691:MQB327692 MGC327691:MGF327692 LWG327691:LWJ327692 LMK327691:LMN327692 LCO327691:LCR327692 KSS327691:KSV327692 KIW327691:KIZ327692 JZA327691:JZD327692 JPE327691:JPH327692 JFI327691:JFL327692 IVM327691:IVP327692 ILQ327691:ILT327692 IBU327691:IBX327692 HRY327691:HSB327692 HIC327691:HIF327692 GYG327691:GYJ327692 GOK327691:GON327692 GEO327691:GER327692 FUS327691:FUV327692 FKW327691:FKZ327692 FBA327691:FBD327692 ERE327691:ERH327692 EHI327691:EHL327692 DXM327691:DXP327692 DNQ327691:DNT327692 DDU327691:DDX327692 CTY327691:CUB327692 CKC327691:CKF327692 CAG327691:CAJ327692 BQK327691:BQN327692 BGO327691:BGR327692 AWS327691:AWV327692 AMW327691:AMZ327692 ADA327691:ADD327692 TE327691:TH327692 JI327691:JL327692 N327691:Q327692 WVU262155:WVX262156 WLY262155:WMB262156 WCC262155:WCF262156 VSG262155:VSJ262156 VIK262155:VIN262156 UYO262155:UYR262156 UOS262155:UOV262156 UEW262155:UEZ262156 TVA262155:TVD262156 TLE262155:TLH262156 TBI262155:TBL262156 SRM262155:SRP262156 SHQ262155:SHT262156 RXU262155:RXX262156 RNY262155:ROB262156 REC262155:REF262156 QUG262155:QUJ262156 QKK262155:QKN262156 QAO262155:QAR262156 PQS262155:PQV262156 PGW262155:PGZ262156 OXA262155:OXD262156 ONE262155:ONH262156 ODI262155:ODL262156 NTM262155:NTP262156 NJQ262155:NJT262156 MZU262155:MZX262156 MPY262155:MQB262156 MGC262155:MGF262156 LWG262155:LWJ262156 LMK262155:LMN262156 LCO262155:LCR262156 KSS262155:KSV262156 KIW262155:KIZ262156 JZA262155:JZD262156 JPE262155:JPH262156 JFI262155:JFL262156 IVM262155:IVP262156 ILQ262155:ILT262156 IBU262155:IBX262156 HRY262155:HSB262156 HIC262155:HIF262156 GYG262155:GYJ262156 GOK262155:GON262156 GEO262155:GER262156 FUS262155:FUV262156 FKW262155:FKZ262156 FBA262155:FBD262156 ERE262155:ERH262156 EHI262155:EHL262156 DXM262155:DXP262156 DNQ262155:DNT262156 DDU262155:DDX262156 CTY262155:CUB262156 CKC262155:CKF262156 CAG262155:CAJ262156 BQK262155:BQN262156 BGO262155:BGR262156 AWS262155:AWV262156 AMW262155:AMZ262156 ADA262155:ADD262156 TE262155:TH262156 JI262155:JL262156 N262155:Q262156 WVU196619:WVX196620 WLY196619:WMB196620 WCC196619:WCF196620 VSG196619:VSJ196620 VIK196619:VIN196620 UYO196619:UYR196620 UOS196619:UOV196620 UEW196619:UEZ196620 TVA196619:TVD196620 TLE196619:TLH196620 TBI196619:TBL196620 SRM196619:SRP196620 SHQ196619:SHT196620 RXU196619:RXX196620 RNY196619:ROB196620 REC196619:REF196620 QUG196619:QUJ196620 QKK196619:QKN196620 QAO196619:QAR196620 PQS196619:PQV196620 PGW196619:PGZ196620 OXA196619:OXD196620 ONE196619:ONH196620 ODI196619:ODL196620 NTM196619:NTP196620 NJQ196619:NJT196620 MZU196619:MZX196620 MPY196619:MQB196620 MGC196619:MGF196620 LWG196619:LWJ196620 LMK196619:LMN196620 LCO196619:LCR196620 KSS196619:KSV196620 KIW196619:KIZ196620 JZA196619:JZD196620 JPE196619:JPH196620 JFI196619:JFL196620 IVM196619:IVP196620 ILQ196619:ILT196620 IBU196619:IBX196620 HRY196619:HSB196620 HIC196619:HIF196620 GYG196619:GYJ196620 GOK196619:GON196620 GEO196619:GER196620 FUS196619:FUV196620 FKW196619:FKZ196620 FBA196619:FBD196620 ERE196619:ERH196620 EHI196619:EHL196620 DXM196619:DXP196620 DNQ196619:DNT196620 DDU196619:DDX196620 CTY196619:CUB196620 CKC196619:CKF196620 CAG196619:CAJ196620 BQK196619:BQN196620 BGO196619:BGR196620 AWS196619:AWV196620 AMW196619:AMZ196620 ADA196619:ADD196620 TE196619:TH196620 JI196619:JL196620 N196619:Q196620 WVU131083:WVX131084 WLY131083:WMB131084 WCC131083:WCF131084 VSG131083:VSJ131084 VIK131083:VIN131084 UYO131083:UYR131084 UOS131083:UOV131084 UEW131083:UEZ131084 TVA131083:TVD131084 TLE131083:TLH131084 TBI131083:TBL131084 SRM131083:SRP131084 SHQ131083:SHT131084 RXU131083:RXX131084 RNY131083:ROB131084 REC131083:REF131084 QUG131083:QUJ131084 QKK131083:QKN131084 QAO131083:QAR131084 PQS131083:PQV131084 PGW131083:PGZ131084 OXA131083:OXD131084 ONE131083:ONH131084 ODI131083:ODL131084 NTM131083:NTP131084 NJQ131083:NJT131084 MZU131083:MZX131084 MPY131083:MQB131084 MGC131083:MGF131084 LWG131083:LWJ131084 LMK131083:LMN131084 LCO131083:LCR131084 KSS131083:KSV131084 KIW131083:KIZ131084 JZA131083:JZD131084 JPE131083:JPH131084 JFI131083:JFL131084 IVM131083:IVP131084 ILQ131083:ILT131084 IBU131083:IBX131084 HRY131083:HSB131084 HIC131083:HIF131084 GYG131083:GYJ131084 GOK131083:GON131084 GEO131083:GER131084 FUS131083:FUV131084 FKW131083:FKZ131084 FBA131083:FBD131084 ERE131083:ERH131084 EHI131083:EHL131084 DXM131083:DXP131084 DNQ131083:DNT131084 DDU131083:DDX131084 CTY131083:CUB131084 CKC131083:CKF131084 CAG131083:CAJ131084 BQK131083:BQN131084 BGO131083:BGR131084 AWS131083:AWV131084 AMW131083:AMZ131084 ADA131083:ADD131084 TE131083:TH131084 JI131083:JL131084 N131083:Q131084 WVU65547:WVX65548 WLY65547:WMB65548 WCC65547:WCF65548 VSG65547:VSJ65548 VIK65547:VIN65548 UYO65547:UYR65548 UOS65547:UOV65548 UEW65547:UEZ65548 TVA65547:TVD65548 TLE65547:TLH65548 TBI65547:TBL65548 SRM65547:SRP65548 SHQ65547:SHT65548 RXU65547:RXX65548 RNY65547:ROB65548 REC65547:REF65548 QUG65547:QUJ65548 QKK65547:QKN65548 QAO65547:QAR65548 PQS65547:PQV65548 PGW65547:PGZ65548 OXA65547:OXD65548 ONE65547:ONH65548 ODI65547:ODL65548 NTM65547:NTP65548 NJQ65547:NJT65548 MZU65547:MZX65548 MPY65547:MQB65548 MGC65547:MGF65548 LWG65547:LWJ65548 LMK65547:LMN65548 LCO65547:LCR65548 KSS65547:KSV65548 KIW65547:KIZ65548 JZA65547:JZD65548 JPE65547:JPH65548 JFI65547:JFL65548 IVM65547:IVP65548 ILQ65547:ILT65548 IBU65547:IBX65548 HRY65547:HSB65548 HIC65547:HIF65548 GYG65547:GYJ65548 GOK65547:GON65548 GEO65547:GER65548 FUS65547:FUV65548 FKW65547:FKZ65548 FBA65547:FBD65548 ERE65547:ERH65548 EHI65547:EHL65548 DXM65547:DXP65548 DNQ65547:DNT65548 DDU65547:DDX65548 CTY65547:CUB65548 CKC65547:CKF65548 CAG65547:CAJ65548 BQK65547:BQN65548 BGO65547:BGR65548 AWS65547:AWV65548 AMW65547:AMZ65548 ADA65547:ADD65548 TE65547:TH65548 JI65547:JL65548 N65547:Q65548 WVU11:WVX12 WLY11:WMB12 WCC11:WCF12 VSG11:VSJ12 VIK11:VIN12 UYO11:UYR12 UOS11:UOV12 UEW11:UEZ12 TVA11:TVD12 TLE11:TLH12 TBI11:TBL12 SRM11:SRP12 SHQ11:SHT12 RXU11:RXX12 RNY11:ROB12 REC11:REF12 QUG11:QUJ12 QKK11:QKN12 QAO11:QAR12 PQS11:PQV12 PGW11:PGZ12 OXA11:OXD12 ONE11:ONH12 ODI11:ODL12 NTM11:NTP12 NJQ11:NJT12 MZU11:MZX12 MPY11:MQB12 MGC11:MGF12 LWG11:LWJ12 LMK11:LMN12 LCO11:LCR12 KSS11:KSV12 KIW11:KIZ12 JZA11:JZD12 JPE11:JPH12 JFI11:JFL12 IVM11:IVP12 ILQ11:ILT12 IBU11:IBX12 HRY11:HSB12 HIC11:HIF12 GYG11:GYJ12 GOK11:GON12 GEO11:GER12 FUS11:FUV12 FKW11:FKZ12 FBA11:FBD12 ERE11:ERH12 EHI11:EHL12 DXM11:DXP12 DNQ11:DNT12 DDU11:DDX12 CTY11:CUB12 CKC11:CKF12 CAG11:CAJ12 BQK11:BQN12 BGO11:BGR12 AWS11:AWV12 AMW11:AMZ12 ADA11:ADD12 TE11:TH12 JI11:JL12 N8:Q9 WVU983054:WVX983055 WLY983054:WMB983055 WCC983054:WCF983055 VSG983054:VSJ983055 VIK983054:VIN983055 UYO983054:UYR983055 UOS983054:UOV983055 UEW983054:UEZ983055 TVA983054:TVD983055 TLE983054:TLH983055 TBI983054:TBL983055 SRM983054:SRP983055 SHQ983054:SHT983055 RXU983054:RXX983055 RNY983054:ROB983055 REC983054:REF983055 QUG983054:QUJ983055 QKK983054:QKN983055 QAO983054:QAR983055 PQS983054:PQV983055 PGW983054:PGZ983055 OXA983054:OXD983055 ONE983054:ONH983055 ODI983054:ODL983055 NTM983054:NTP983055 NJQ983054:NJT983055 MZU983054:MZX983055 MPY983054:MQB983055 MGC983054:MGF983055 LWG983054:LWJ983055 LMK983054:LMN983055 LCO983054:LCR983055 KSS983054:KSV983055 KIW983054:KIZ983055 JZA983054:JZD983055 JPE983054:JPH983055 JFI983054:JFL983055 IVM983054:IVP983055 ILQ983054:ILT983055 IBU983054:IBX983055 HRY983054:HSB983055 HIC983054:HIF983055 GYG983054:GYJ983055 GOK983054:GON983055 GEO983054:GER983055 FUS983054:FUV983055 FKW983054:FKZ983055 FBA983054:FBD983055 ERE983054:ERH983055 EHI983054:EHL983055 DXM983054:DXP983055 DNQ983054:DNT983055 DDU983054:DDX983055 CTY983054:CUB983055 CKC983054:CKF983055 CAG983054:CAJ983055 BQK983054:BQN983055 BGO983054:BGR983055 AWS983054:AWV983055 AMW983054:AMZ983055 ADA983054:ADD983055 TE983054:TH983055 JI983054:JL983055 N983054:Q983055 WVU917518:WVX917519 WLY917518:WMB917519 WCC917518:WCF917519 VSG917518:VSJ917519 VIK917518:VIN917519 UYO917518:UYR917519 UOS917518:UOV917519 UEW917518:UEZ917519 TVA917518:TVD917519 TLE917518:TLH917519 TBI917518:TBL917519 SRM917518:SRP917519 SHQ917518:SHT917519 RXU917518:RXX917519 RNY917518:ROB917519 REC917518:REF917519 QUG917518:QUJ917519 QKK917518:QKN917519 QAO917518:QAR917519 PQS917518:PQV917519 PGW917518:PGZ917519 OXA917518:OXD917519 ONE917518:ONH917519 ODI917518:ODL917519 NTM917518:NTP917519 NJQ917518:NJT917519 MZU917518:MZX917519 MPY917518:MQB917519 MGC917518:MGF917519 LWG917518:LWJ917519 LMK917518:LMN917519 LCO917518:LCR917519 KSS917518:KSV917519 KIW917518:KIZ917519 JZA917518:JZD917519 JPE917518:JPH917519 JFI917518:JFL917519 IVM917518:IVP917519 ILQ917518:ILT917519 IBU917518:IBX917519 HRY917518:HSB917519 HIC917518:HIF917519 GYG917518:GYJ917519 GOK917518:GON917519 GEO917518:GER917519 FUS917518:FUV917519 FKW917518:FKZ917519 FBA917518:FBD917519 ERE917518:ERH917519 EHI917518:EHL917519 DXM917518:DXP917519 DNQ917518:DNT917519 DDU917518:DDX917519 CTY917518:CUB917519 CKC917518:CKF917519 CAG917518:CAJ917519 BQK917518:BQN917519 BGO917518:BGR917519 AWS917518:AWV917519 AMW917518:AMZ917519 ADA917518:ADD917519 TE917518:TH917519 JI917518:JL917519 N917518:Q917519 WVU851982:WVX851983 WLY851982:WMB851983 WCC851982:WCF851983 VSG851982:VSJ851983 VIK851982:VIN851983 UYO851982:UYR851983 UOS851982:UOV851983 UEW851982:UEZ851983 TVA851982:TVD851983 TLE851982:TLH851983 TBI851982:TBL851983 SRM851982:SRP851983 SHQ851982:SHT851983 RXU851982:RXX851983 RNY851982:ROB851983 REC851982:REF851983 QUG851982:QUJ851983 QKK851982:QKN851983 QAO851982:QAR851983 PQS851982:PQV851983 PGW851982:PGZ851983 OXA851982:OXD851983 ONE851982:ONH851983 ODI851982:ODL851983 NTM851982:NTP851983 NJQ851982:NJT851983 MZU851982:MZX851983 MPY851982:MQB851983 MGC851982:MGF851983 LWG851982:LWJ851983 LMK851982:LMN851983 LCO851982:LCR851983 KSS851982:KSV851983 KIW851982:KIZ851983 JZA851982:JZD851983 JPE851982:JPH851983 JFI851982:JFL851983 IVM851982:IVP851983 ILQ851982:ILT851983 IBU851982:IBX851983 HRY851982:HSB851983 HIC851982:HIF851983 GYG851982:GYJ851983 GOK851982:GON851983 GEO851982:GER851983 FUS851982:FUV851983 FKW851982:FKZ851983 FBA851982:FBD851983 ERE851982:ERH851983 EHI851982:EHL851983 DXM851982:DXP851983 DNQ851982:DNT851983 DDU851982:DDX851983 CTY851982:CUB851983 CKC851982:CKF851983 CAG851982:CAJ851983 BQK851982:BQN851983 BGO851982:BGR851983 AWS851982:AWV851983 AMW851982:AMZ851983 ADA851982:ADD851983 TE851982:TH851983 JI851982:JL851983 N851982:Q851983 WVU786446:WVX786447 WLY786446:WMB786447 WCC786446:WCF786447 VSG786446:VSJ786447 VIK786446:VIN786447 UYO786446:UYR786447 UOS786446:UOV786447 UEW786446:UEZ786447 TVA786446:TVD786447 TLE786446:TLH786447 TBI786446:TBL786447 SRM786446:SRP786447 SHQ786446:SHT786447 RXU786446:RXX786447 RNY786446:ROB786447 REC786446:REF786447 QUG786446:QUJ786447 QKK786446:QKN786447 QAO786446:QAR786447 PQS786446:PQV786447 PGW786446:PGZ786447 OXA786446:OXD786447 ONE786446:ONH786447 ODI786446:ODL786447 NTM786446:NTP786447 NJQ786446:NJT786447 MZU786446:MZX786447 MPY786446:MQB786447 MGC786446:MGF786447 LWG786446:LWJ786447 LMK786446:LMN786447 LCO786446:LCR786447 KSS786446:KSV786447 KIW786446:KIZ786447 JZA786446:JZD786447 JPE786446:JPH786447 JFI786446:JFL786447 IVM786446:IVP786447 ILQ786446:ILT786447 IBU786446:IBX786447 HRY786446:HSB786447 HIC786446:HIF786447 GYG786446:GYJ786447 GOK786446:GON786447 GEO786446:GER786447 FUS786446:FUV786447 FKW786446:FKZ786447 FBA786446:FBD786447 ERE786446:ERH786447 EHI786446:EHL786447 DXM786446:DXP786447 DNQ786446:DNT786447 DDU786446:DDX786447 CTY786446:CUB786447 CKC786446:CKF786447 CAG786446:CAJ786447 BQK786446:BQN786447 BGO786446:BGR786447 AWS786446:AWV786447 AMW786446:AMZ786447 ADA786446:ADD786447 TE786446:TH786447 JI786446:JL786447 N786446:Q786447 WVU720910:WVX720911 WLY720910:WMB720911 WCC720910:WCF720911 VSG720910:VSJ720911 VIK720910:VIN720911 UYO720910:UYR720911 UOS720910:UOV720911 UEW720910:UEZ720911 TVA720910:TVD720911 TLE720910:TLH720911 TBI720910:TBL720911 SRM720910:SRP720911 SHQ720910:SHT720911 RXU720910:RXX720911 RNY720910:ROB720911 REC720910:REF720911 QUG720910:QUJ720911 QKK720910:QKN720911 QAO720910:QAR720911 PQS720910:PQV720911 PGW720910:PGZ720911 OXA720910:OXD720911 ONE720910:ONH720911 ODI720910:ODL720911 NTM720910:NTP720911 NJQ720910:NJT720911 MZU720910:MZX720911 MPY720910:MQB720911 MGC720910:MGF720911 LWG720910:LWJ720911 LMK720910:LMN720911 LCO720910:LCR720911 KSS720910:KSV720911 KIW720910:KIZ720911 JZA720910:JZD720911 JPE720910:JPH720911 JFI720910:JFL720911 IVM720910:IVP720911 ILQ720910:ILT720911 IBU720910:IBX720911 HRY720910:HSB720911 HIC720910:HIF720911 GYG720910:GYJ720911 GOK720910:GON720911 GEO720910:GER720911 FUS720910:FUV720911 FKW720910:FKZ720911 FBA720910:FBD720911 ERE720910:ERH720911 EHI720910:EHL720911 DXM720910:DXP720911 DNQ720910:DNT720911 DDU720910:DDX720911 CTY720910:CUB720911 CKC720910:CKF720911 CAG720910:CAJ720911 BQK720910:BQN720911 BGO720910:BGR720911 AWS720910:AWV720911 AMW720910:AMZ720911 ADA720910:ADD720911 TE720910:TH720911 JI720910:JL720911 N720910:Q720911 WVU655374:WVX655375 WLY655374:WMB655375 WCC655374:WCF655375 VSG655374:VSJ655375 VIK655374:VIN655375 UYO655374:UYR655375 UOS655374:UOV655375 UEW655374:UEZ655375 TVA655374:TVD655375 TLE655374:TLH655375 TBI655374:TBL655375 SRM655374:SRP655375 SHQ655374:SHT655375 RXU655374:RXX655375 RNY655374:ROB655375 REC655374:REF655375 QUG655374:QUJ655375 QKK655374:QKN655375 QAO655374:QAR655375 PQS655374:PQV655375 PGW655374:PGZ655375 OXA655374:OXD655375 ONE655374:ONH655375 ODI655374:ODL655375 NTM655374:NTP655375 NJQ655374:NJT655375 MZU655374:MZX655375 MPY655374:MQB655375 MGC655374:MGF655375 LWG655374:LWJ655375 LMK655374:LMN655375 LCO655374:LCR655375 KSS655374:KSV655375 KIW655374:KIZ655375 JZA655374:JZD655375 JPE655374:JPH655375 JFI655374:JFL655375 IVM655374:IVP655375 ILQ655374:ILT655375 IBU655374:IBX655375 HRY655374:HSB655375 HIC655374:HIF655375 GYG655374:GYJ655375 GOK655374:GON655375 GEO655374:GER655375 FUS655374:FUV655375 FKW655374:FKZ655375 FBA655374:FBD655375 ERE655374:ERH655375 EHI655374:EHL655375 DXM655374:DXP655375 DNQ655374:DNT655375 DDU655374:DDX655375 CTY655374:CUB655375 CKC655374:CKF655375 CAG655374:CAJ655375 BQK655374:BQN655375 BGO655374:BGR655375 AWS655374:AWV655375 AMW655374:AMZ655375 ADA655374:ADD655375 TE655374:TH655375 JI655374:JL655375 N655374:Q655375 WVU589838:WVX589839 WLY589838:WMB589839 WCC589838:WCF589839 VSG589838:VSJ589839 VIK589838:VIN589839 UYO589838:UYR589839 UOS589838:UOV589839 UEW589838:UEZ589839 TVA589838:TVD589839 TLE589838:TLH589839 TBI589838:TBL589839 SRM589838:SRP589839 SHQ589838:SHT589839 RXU589838:RXX589839 RNY589838:ROB589839 REC589838:REF589839 QUG589838:QUJ589839 QKK589838:QKN589839 QAO589838:QAR589839 PQS589838:PQV589839 PGW589838:PGZ589839 OXA589838:OXD589839 ONE589838:ONH589839 ODI589838:ODL589839 NTM589838:NTP589839 NJQ589838:NJT589839 MZU589838:MZX589839 MPY589838:MQB589839 MGC589838:MGF589839 LWG589838:LWJ589839 LMK589838:LMN589839 LCO589838:LCR589839 KSS589838:KSV589839 KIW589838:KIZ589839 JZA589838:JZD589839 JPE589838:JPH589839 JFI589838:JFL589839 IVM589838:IVP589839 ILQ589838:ILT589839 IBU589838:IBX589839 HRY589838:HSB589839 HIC589838:HIF589839 GYG589838:GYJ589839 GOK589838:GON589839 GEO589838:GER589839 FUS589838:FUV589839 FKW589838:FKZ589839 FBA589838:FBD589839 ERE589838:ERH589839 EHI589838:EHL589839 DXM589838:DXP589839 DNQ589838:DNT589839 DDU589838:DDX589839 CTY589838:CUB589839 CKC589838:CKF589839 CAG589838:CAJ589839 BQK589838:BQN589839 BGO589838:BGR589839 AWS589838:AWV589839 AMW589838:AMZ589839 ADA589838:ADD589839 TE589838:TH589839 JI589838:JL589839 N589838:Q589839 WVU524302:WVX524303 WLY524302:WMB524303 WCC524302:WCF524303 VSG524302:VSJ524303 VIK524302:VIN524303 UYO524302:UYR524303 UOS524302:UOV524303 UEW524302:UEZ524303 TVA524302:TVD524303 TLE524302:TLH524303 TBI524302:TBL524303 SRM524302:SRP524303 SHQ524302:SHT524303 RXU524302:RXX524303 RNY524302:ROB524303 REC524302:REF524303 QUG524302:QUJ524303 QKK524302:QKN524303 QAO524302:QAR524303 PQS524302:PQV524303 PGW524302:PGZ524303 OXA524302:OXD524303 ONE524302:ONH524303 ODI524302:ODL524303 NTM524302:NTP524303 NJQ524302:NJT524303 MZU524302:MZX524303 MPY524302:MQB524303 MGC524302:MGF524303 LWG524302:LWJ524303 LMK524302:LMN524303 LCO524302:LCR524303 KSS524302:KSV524303 KIW524302:KIZ524303 JZA524302:JZD524303 JPE524302:JPH524303 JFI524302:JFL524303 IVM524302:IVP524303 ILQ524302:ILT524303 IBU524302:IBX524303 HRY524302:HSB524303 HIC524302:HIF524303 GYG524302:GYJ524303 GOK524302:GON524303 GEO524302:GER524303 FUS524302:FUV524303 FKW524302:FKZ524303 FBA524302:FBD524303 ERE524302:ERH524303 EHI524302:EHL524303 DXM524302:DXP524303 DNQ524302:DNT524303 DDU524302:DDX524303 CTY524302:CUB524303 CKC524302:CKF524303 CAG524302:CAJ524303 BQK524302:BQN524303 BGO524302:BGR524303 AWS524302:AWV524303 AMW524302:AMZ524303 ADA524302:ADD524303 TE524302:TH524303 JI524302:JL524303 N524302:Q524303 WVU458766:WVX458767 WLY458766:WMB458767 WCC458766:WCF458767 VSG458766:VSJ458767 VIK458766:VIN458767 UYO458766:UYR458767 UOS458766:UOV458767 UEW458766:UEZ458767 TVA458766:TVD458767 TLE458766:TLH458767 TBI458766:TBL458767 SRM458766:SRP458767 SHQ458766:SHT458767 RXU458766:RXX458767 RNY458766:ROB458767 REC458766:REF458767 QUG458766:QUJ458767 QKK458766:QKN458767 QAO458766:QAR458767 PQS458766:PQV458767 PGW458766:PGZ458767 OXA458766:OXD458767 ONE458766:ONH458767 ODI458766:ODL458767 NTM458766:NTP458767 NJQ458766:NJT458767 MZU458766:MZX458767 MPY458766:MQB458767 MGC458766:MGF458767 LWG458766:LWJ458767 LMK458766:LMN458767 LCO458766:LCR458767 KSS458766:KSV458767 KIW458766:KIZ458767 JZA458766:JZD458767 JPE458766:JPH458767 JFI458766:JFL458767 IVM458766:IVP458767 ILQ458766:ILT458767 IBU458766:IBX458767 HRY458766:HSB458767 HIC458766:HIF458767 GYG458766:GYJ458767 GOK458766:GON458767 GEO458766:GER458767 FUS458766:FUV458767 FKW458766:FKZ458767 FBA458766:FBD458767 ERE458766:ERH458767 EHI458766:EHL458767 DXM458766:DXP458767 DNQ458766:DNT458767 DDU458766:DDX458767 CTY458766:CUB458767 CKC458766:CKF458767 CAG458766:CAJ458767 BQK458766:BQN458767 BGO458766:BGR458767 AWS458766:AWV458767 AMW458766:AMZ458767 ADA458766:ADD458767 TE458766:TH458767 JI458766:JL458767 N458766:Q458767 WVU393230:WVX393231 WLY393230:WMB393231 WCC393230:WCF393231 VSG393230:VSJ393231 VIK393230:VIN393231 UYO393230:UYR393231 UOS393230:UOV393231 UEW393230:UEZ393231 TVA393230:TVD393231 TLE393230:TLH393231 TBI393230:TBL393231 SRM393230:SRP393231 SHQ393230:SHT393231 RXU393230:RXX393231 RNY393230:ROB393231 REC393230:REF393231 QUG393230:QUJ393231 QKK393230:QKN393231 QAO393230:QAR393231 PQS393230:PQV393231 PGW393230:PGZ393231 OXA393230:OXD393231 ONE393230:ONH393231 ODI393230:ODL393231 NTM393230:NTP393231 NJQ393230:NJT393231 MZU393230:MZX393231 MPY393230:MQB393231 MGC393230:MGF393231 LWG393230:LWJ393231 LMK393230:LMN393231 LCO393230:LCR393231 KSS393230:KSV393231 KIW393230:KIZ393231 JZA393230:JZD393231 JPE393230:JPH393231 JFI393230:JFL393231 IVM393230:IVP393231 ILQ393230:ILT393231 IBU393230:IBX393231 HRY393230:HSB393231 HIC393230:HIF393231 GYG393230:GYJ393231 GOK393230:GON393231 GEO393230:GER393231 FUS393230:FUV393231 FKW393230:FKZ393231 FBA393230:FBD393231 ERE393230:ERH393231 EHI393230:EHL393231 DXM393230:DXP393231 DNQ393230:DNT393231 DDU393230:DDX393231 CTY393230:CUB393231 CKC393230:CKF393231 CAG393230:CAJ393231 BQK393230:BQN393231 BGO393230:BGR393231 AWS393230:AWV393231 AMW393230:AMZ393231 ADA393230:ADD393231 TE393230:TH393231 JI393230:JL393231 N393230:Q393231 WVU327694:WVX327695 WLY327694:WMB327695 WCC327694:WCF327695 VSG327694:VSJ327695 VIK327694:VIN327695 UYO327694:UYR327695 UOS327694:UOV327695 UEW327694:UEZ327695 TVA327694:TVD327695 TLE327694:TLH327695 TBI327694:TBL327695 SRM327694:SRP327695 SHQ327694:SHT327695 RXU327694:RXX327695 RNY327694:ROB327695 REC327694:REF327695 QUG327694:QUJ327695 QKK327694:QKN327695 QAO327694:QAR327695 PQS327694:PQV327695 PGW327694:PGZ327695 OXA327694:OXD327695 ONE327694:ONH327695 ODI327694:ODL327695 NTM327694:NTP327695 NJQ327694:NJT327695 MZU327694:MZX327695 MPY327694:MQB327695 MGC327694:MGF327695 LWG327694:LWJ327695 LMK327694:LMN327695 LCO327694:LCR327695 KSS327694:KSV327695 KIW327694:KIZ327695 JZA327694:JZD327695 JPE327694:JPH327695 JFI327694:JFL327695 IVM327694:IVP327695 ILQ327694:ILT327695 IBU327694:IBX327695 HRY327694:HSB327695 HIC327694:HIF327695 GYG327694:GYJ327695 GOK327694:GON327695 GEO327694:GER327695 FUS327694:FUV327695 FKW327694:FKZ327695 FBA327694:FBD327695 ERE327694:ERH327695 EHI327694:EHL327695 DXM327694:DXP327695 DNQ327694:DNT327695 DDU327694:DDX327695 CTY327694:CUB327695 CKC327694:CKF327695 CAG327694:CAJ327695 BQK327694:BQN327695 BGO327694:BGR327695 AWS327694:AWV327695 AMW327694:AMZ327695 ADA327694:ADD327695 TE327694:TH327695 JI327694:JL327695 N327694:Q327695 WVU262158:WVX262159 WLY262158:WMB262159 WCC262158:WCF262159 VSG262158:VSJ262159 VIK262158:VIN262159 UYO262158:UYR262159 UOS262158:UOV262159 UEW262158:UEZ262159 TVA262158:TVD262159 TLE262158:TLH262159 TBI262158:TBL262159 SRM262158:SRP262159 SHQ262158:SHT262159 RXU262158:RXX262159 RNY262158:ROB262159 REC262158:REF262159 QUG262158:QUJ262159 QKK262158:QKN262159 QAO262158:QAR262159 PQS262158:PQV262159 PGW262158:PGZ262159 OXA262158:OXD262159 ONE262158:ONH262159 ODI262158:ODL262159 NTM262158:NTP262159 NJQ262158:NJT262159 MZU262158:MZX262159 MPY262158:MQB262159 MGC262158:MGF262159 LWG262158:LWJ262159 LMK262158:LMN262159 LCO262158:LCR262159 KSS262158:KSV262159 KIW262158:KIZ262159 JZA262158:JZD262159 JPE262158:JPH262159 JFI262158:JFL262159 IVM262158:IVP262159 ILQ262158:ILT262159 IBU262158:IBX262159 HRY262158:HSB262159 HIC262158:HIF262159 GYG262158:GYJ262159 GOK262158:GON262159 GEO262158:GER262159 FUS262158:FUV262159 FKW262158:FKZ262159 FBA262158:FBD262159 ERE262158:ERH262159 EHI262158:EHL262159 DXM262158:DXP262159 DNQ262158:DNT262159 DDU262158:DDX262159 CTY262158:CUB262159 CKC262158:CKF262159 CAG262158:CAJ262159 BQK262158:BQN262159 BGO262158:BGR262159 AWS262158:AWV262159 AMW262158:AMZ262159 ADA262158:ADD262159 TE262158:TH262159 JI262158:JL262159 N262158:Q262159 WVU196622:WVX196623 WLY196622:WMB196623 WCC196622:WCF196623 VSG196622:VSJ196623 VIK196622:VIN196623 UYO196622:UYR196623 UOS196622:UOV196623 UEW196622:UEZ196623 TVA196622:TVD196623 TLE196622:TLH196623 TBI196622:TBL196623 SRM196622:SRP196623 SHQ196622:SHT196623 RXU196622:RXX196623 RNY196622:ROB196623 REC196622:REF196623 QUG196622:QUJ196623 QKK196622:QKN196623 QAO196622:QAR196623 PQS196622:PQV196623 PGW196622:PGZ196623 OXA196622:OXD196623 ONE196622:ONH196623 ODI196622:ODL196623 NTM196622:NTP196623 NJQ196622:NJT196623 MZU196622:MZX196623 MPY196622:MQB196623 MGC196622:MGF196623 LWG196622:LWJ196623 LMK196622:LMN196623 LCO196622:LCR196623 KSS196622:KSV196623 KIW196622:KIZ196623 JZA196622:JZD196623 JPE196622:JPH196623 JFI196622:JFL196623 IVM196622:IVP196623 ILQ196622:ILT196623 IBU196622:IBX196623 HRY196622:HSB196623 HIC196622:HIF196623 GYG196622:GYJ196623 GOK196622:GON196623 GEO196622:GER196623 FUS196622:FUV196623 FKW196622:FKZ196623 FBA196622:FBD196623 ERE196622:ERH196623 EHI196622:EHL196623 DXM196622:DXP196623 DNQ196622:DNT196623 DDU196622:DDX196623 CTY196622:CUB196623 CKC196622:CKF196623 CAG196622:CAJ196623 BQK196622:BQN196623 BGO196622:BGR196623 AWS196622:AWV196623 AMW196622:AMZ196623 ADA196622:ADD196623 TE196622:TH196623 JI196622:JL196623 N196622:Q196623 WVU131086:WVX131087 WLY131086:WMB131087 WCC131086:WCF131087 VSG131086:VSJ131087 VIK131086:VIN131087 UYO131086:UYR131087 UOS131086:UOV131087 UEW131086:UEZ131087 TVA131086:TVD131087 TLE131086:TLH131087 TBI131086:TBL131087 SRM131086:SRP131087 SHQ131086:SHT131087 RXU131086:RXX131087 RNY131086:ROB131087 REC131086:REF131087 QUG131086:QUJ131087 QKK131086:QKN131087 QAO131086:QAR131087 PQS131086:PQV131087 PGW131086:PGZ131087 OXA131086:OXD131087 ONE131086:ONH131087 ODI131086:ODL131087 NTM131086:NTP131087 NJQ131086:NJT131087 MZU131086:MZX131087 MPY131086:MQB131087 MGC131086:MGF131087 LWG131086:LWJ131087 LMK131086:LMN131087 LCO131086:LCR131087 KSS131086:KSV131087 KIW131086:KIZ131087 JZA131086:JZD131087 JPE131086:JPH131087 JFI131086:JFL131087 IVM131086:IVP131087 ILQ131086:ILT131087 IBU131086:IBX131087 HRY131086:HSB131087 HIC131086:HIF131087 GYG131086:GYJ131087 GOK131086:GON131087 GEO131086:GER131087 FUS131086:FUV131087 FKW131086:FKZ131087 FBA131086:FBD131087 ERE131086:ERH131087 EHI131086:EHL131087 DXM131086:DXP131087 DNQ131086:DNT131087 DDU131086:DDX131087 CTY131086:CUB131087 CKC131086:CKF131087 CAG131086:CAJ131087 BQK131086:BQN131087 BGO131086:BGR131087 AWS131086:AWV131087 AMW131086:AMZ131087 ADA131086:ADD131087 TE131086:TH131087 JI131086:JL131087 N131086:Q131087 WVU65550:WVX65551 WLY65550:WMB65551 WCC65550:WCF65551 VSG65550:VSJ65551 VIK65550:VIN65551 UYO65550:UYR65551 UOS65550:UOV65551 UEW65550:UEZ65551 TVA65550:TVD65551 TLE65550:TLH65551 TBI65550:TBL65551 SRM65550:SRP65551 SHQ65550:SHT65551 RXU65550:RXX65551 RNY65550:ROB65551 REC65550:REF65551 QUG65550:QUJ65551 QKK65550:QKN65551 QAO65550:QAR65551 PQS65550:PQV65551 PGW65550:PGZ65551 OXA65550:OXD65551 ONE65550:ONH65551 ODI65550:ODL65551 NTM65550:NTP65551 NJQ65550:NJT65551 MZU65550:MZX65551 MPY65550:MQB65551 MGC65550:MGF65551 LWG65550:LWJ65551 LMK65550:LMN65551 LCO65550:LCR65551 KSS65550:KSV65551 KIW65550:KIZ65551 JZA65550:JZD65551 JPE65550:JPH65551 JFI65550:JFL65551 IVM65550:IVP65551 ILQ65550:ILT65551 IBU65550:IBX65551 HRY65550:HSB65551 HIC65550:HIF65551 GYG65550:GYJ65551 GOK65550:GON65551 GEO65550:GER65551 FUS65550:FUV65551 FKW65550:FKZ65551 FBA65550:FBD65551 ERE65550:ERH65551 EHI65550:EHL65551 DXM65550:DXP65551 DNQ65550:DNT65551 DDU65550:DDX65551 CTY65550:CUB65551 CKC65550:CKF65551 CAG65550:CAJ65551 BQK65550:BQN65551 BGO65550:BGR65551 AWS65550:AWV65551 AMW65550:AMZ65551 ADA65550:ADD65551 TE65550:TH65551 JI65550:JL65551 N65550:Q65551 WVU14:WVX15 WLY14:WMB15 WCC14:WCF15 VSG14:VSJ15 VIK14:VIN15 UYO14:UYR15 UOS14:UOV15 UEW14:UEZ15 TVA14:TVD15 TLE14:TLH15 TBI14:TBL15 SRM14:SRP15 SHQ14:SHT15 RXU14:RXX15 RNY14:ROB15 REC14:REF15 QUG14:QUJ15 QKK14:QKN15 QAO14:QAR15 PQS14:PQV15 PGW14:PGZ15 OXA14:OXD15 ONE14:ONH15 ODI14:ODL15 NTM14:NTP15 NJQ14:NJT15 MZU14:MZX15 MPY14:MQB15 MGC14:MGF15 LWG14:LWJ15 LMK14:LMN15 LCO14:LCR15 KSS14:KSV15 KIW14:KIZ15 JZA14:JZD15 JPE14:JPH15 JFI14:JFL15 IVM14:IVP15 ILQ14:ILT15 IBU14:IBX15 HRY14:HSB15 HIC14:HIF15 GYG14:GYJ15 GOK14:GON15 GEO14:GER15 FUS14:FUV15 FKW14:FKZ15 FBA14:FBD15 ERE14:ERH15 EHI14:EHL15 DXM14:DXP15 DNQ14:DNT15 DDU14:DDX15 CTY14:CUB15 CKC14:CKF15 CAG14:CAJ15 BQK14:BQN15 BGO14:BGR15 AWS14:AWV15 AMW14:AMZ15 ADA14:ADD15 TE14:TH15 JI14:JL15 N11:Q12 WVK983054:WVS983055 WLO983054:WLW983055 WBS983054:WCA983055 VRW983054:VSE983055 VIA983054:VII983055 UYE983054:UYM983055 UOI983054:UOQ983055 UEM983054:UEU983055 TUQ983054:TUY983055 TKU983054:TLC983055 TAY983054:TBG983055 SRC983054:SRK983055 SHG983054:SHO983055 RXK983054:RXS983055 RNO983054:RNW983055 RDS983054:REA983055 QTW983054:QUE983055 QKA983054:QKI983055 QAE983054:QAM983055 PQI983054:PQQ983055 PGM983054:PGU983055 OWQ983054:OWY983055 OMU983054:ONC983055 OCY983054:ODG983055 NTC983054:NTK983055 NJG983054:NJO983055 MZK983054:MZS983055 MPO983054:MPW983055 MFS983054:MGA983055 LVW983054:LWE983055 LMA983054:LMI983055 LCE983054:LCM983055 KSI983054:KSQ983055 KIM983054:KIU983055 JYQ983054:JYY983055 JOU983054:JPC983055 JEY983054:JFG983055 IVC983054:IVK983055 ILG983054:ILO983055 IBK983054:IBS983055 HRO983054:HRW983055 HHS983054:HIA983055 GXW983054:GYE983055 GOA983054:GOI983055 GEE983054:GEM983055 FUI983054:FUQ983055 FKM983054:FKU983055 FAQ983054:FAY983055 EQU983054:ERC983055 EGY983054:EHG983055 DXC983054:DXK983055 DNG983054:DNO983055 DDK983054:DDS983055 CTO983054:CTW983055 CJS983054:CKA983055 BZW983054:CAE983055 BQA983054:BQI983055 BGE983054:BGM983055 AWI983054:AWQ983055 AMM983054:AMU983055 ACQ983054:ACY983055 SU983054:TC983055 IY983054:JG983055 E8:L9 WVK917518:WVS917519 WLO917518:WLW917519 WBS917518:WCA917519 VRW917518:VSE917519 VIA917518:VII917519 UYE917518:UYM917519 UOI917518:UOQ917519 UEM917518:UEU917519 TUQ917518:TUY917519 TKU917518:TLC917519 TAY917518:TBG917519 SRC917518:SRK917519 SHG917518:SHO917519 RXK917518:RXS917519 RNO917518:RNW917519 RDS917518:REA917519 QTW917518:QUE917519 QKA917518:QKI917519 QAE917518:QAM917519 PQI917518:PQQ917519 PGM917518:PGU917519 OWQ917518:OWY917519 OMU917518:ONC917519 OCY917518:ODG917519 NTC917518:NTK917519 NJG917518:NJO917519 MZK917518:MZS917519 MPO917518:MPW917519 MFS917518:MGA917519 LVW917518:LWE917519 LMA917518:LMI917519 LCE917518:LCM917519 KSI917518:KSQ917519 KIM917518:KIU917519 JYQ917518:JYY917519 JOU917518:JPC917519 JEY917518:JFG917519 IVC917518:IVK917519 ILG917518:ILO917519 IBK917518:IBS917519 HRO917518:HRW917519 HHS917518:HIA917519 GXW917518:GYE917519 GOA917518:GOI917519 GEE917518:GEM917519 FUI917518:FUQ917519 FKM917518:FKU917519 FAQ917518:FAY917519 EQU917518:ERC917519 EGY917518:EHG917519 DXC917518:DXK917519 DNG917518:DNO917519 DDK917518:DDS917519 CTO917518:CTW917519 CJS917518:CKA917519 BZW917518:CAE917519 BQA917518:BQI917519 BGE917518:BGM917519 AWI917518:AWQ917519 AMM917518:AMU917519 ACQ917518:ACY917519 SU917518:TC917519 IY917518:JG917519 E983054:L983055 WVK851982:WVS851983 WLO851982:WLW851983 WBS851982:WCA851983 VRW851982:VSE851983 VIA851982:VII851983 UYE851982:UYM851983 UOI851982:UOQ851983 UEM851982:UEU851983 TUQ851982:TUY851983 TKU851982:TLC851983 TAY851982:TBG851983 SRC851982:SRK851983 SHG851982:SHO851983 RXK851982:RXS851983 RNO851982:RNW851983 RDS851982:REA851983 QTW851982:QUE851983 QKA851982:QKI851983 QAE851982:QAM851983 PQI851982:PQQ851983 PGM851982:PGU851983 OWQ851982:OWY851983 OMU851982:ONC851983 OCY851982:ODG851983 NTC851982:NTK851983 NJG851982:NJO851983 MZK851982:MZS851983 MPO851982:MPW851983 MFS851982:MGA851983 LVW851982:LWE851983 LMA851982:LMI851983 LCE851982:LCM851983 KSI851982:KSQ851983 KIM851982:KIU851983 JYQ851982:JYY851983 JOU851982:JPC851983 JEY851982:JFG851983 IVC851982:IVK851983 ILG851982:ILO851983 IBK851982:IBS851983 HRO851982:HRW851983 HHS851982:HIA851983 GXW851982:GYE851983 GOA851982:GOI851983 GEE851982:GEM851983 FUI851982:FUQ851983 FKM851982:FKU851983 FAQ851982:FAY851983 EQU851982:ERC851983 EGY851982:EHG851983 DXC851982:DXK851983 DNG851982:DNO851983 DDK851982:DDS851983 CTO851982:CTW851983 CJS851982:CKA851983 BZW851982:CAE851983 BQA851982:BQI851983 BGE851982:BGM851983 AWI851982:AWQ851983 AMM851982:AMU851983 ACQ851982:ACY851983 SU851982:TC851983 IY851982:JG851983 E917518:L917519 WVK786446:WVS786447 WLO786446:WLW786447 WBS786446:WCA786447 VRW786446:VSE786447 VIA786446:VII786447 UYE786446:UYM786447 UOI786446:UOQ786447 UEM786446:UEU786447 TUQ786446:TUY786447 TKU786446:TLC786447 TAY786446:TBG786447 SRC786446:SRK786447 SHG786446:SHO786447 RXK786446:RXS786447 RNO786446:RNW786447 RDS786446:REA786447 QTW786446:QUE786447 QKA786446:QKI786447 QAE786446:QAM786447 PQI786446:PQQ786447 PGM786446:PGU786447 OWQ786446:OWY786447 OMU786446:ONC786447 OCY786446:ODG786447 NTC786446:NTK786447 NJG786446:NJO786447 MZK786446:MZS786447 MPO786446:MPW786447 MFS786446:MGA786447 LVW786446:LWE786447 LMA786446:LMI786447 LCE786446:LCM786447 KSI786446:KSQ786447 KIM786446:KIU786447 JYQ786446:JYY786447 JOU786446:JPC786447 JEY786446:JFG786447 IVC786446:IVK786447 ILG786446:ILO786447 IBK786446:IBS786447 HRO786446:HRW786447 HHS786446:HIA786447 GXW786446:GYE786447 GOA786446:GOI786447 GEE786446:GEM786447 FUI786446:FUQ786447 FKM786446:FKU786447 FAQ786446:FAY786447 EQU786446:ERC786447 EGY786446:EHG786447 DXC786446:DXK786447 DNG786446:DNO786447 DDK786446:DDS786447 CTO786446:CTW786447 CJS786446:CKA786447 BZW786446:CAE786447 BQA786446:BQI786447 BGE786446:BGM786447 AWI786446:AWQ786447 AMM786446:AMU786447 ACQ786446:ACY786447 SU786446:TC786447 IY786446:JG786447 E851982:L851983 WVK720910:WVS720911 WLO720910:WLW720911 WBS720910:WCA720911 VRW720910:VSE720911 VIA720910:VII720911 UYE720910:UYM720911 UOI720910:UOQ720911 UEM720910:UEU720911 TUQ720910:TUY720911 TKU720910:TLC720911 TAY720910:TBG720911 SRC720910:SRK720911 SHG720910:SHO720911 RXK720910:RXS720911 RNO720910:RNW720911 RDS720910:REA720911 QTW720910:QUE720911 QKA720910:QKI720911 QAE720910:QAM720911 PQI720910:PQQ720911 PGM720910:PGU720911 OWQ720910:OWY720911 OMU720910:ONC720911 OCY720910:ODG720911 NTC720910:NTK720911 NJG720910:NJO720911 MZK720910:MZS720911 MPO720910:MPW720911 MFS720910:MGA720911 LVW720910:LWE720911 LMA720910:LMI720911 LCE720910:LCM720911 KSI720910:KSQ720911 KIM720910:KIU720911 JYQ720910:JYY720911 JOU720910:JPC720911 JEY720910:JFG720911 IVC720910:IVK720911 ILG720910:ILO720911 IBK720910:IBS720911 HRO720910:HRW720911 HHS720910:HIA720911 GXW720910:GYE720911 GOA720910:GOI720911 GEE720910:GEM720911 FUI720910:FUQ720911 FKM720910:FKU720911 FAQ720910:FAY720911 EQU720910:ERC720911 EGY720910:EHG720911 DXC720910:DXK720911 DNG720910:DNO720911 DDK720910:DDS720911 CTO720910:CTW720911 CJS720910:CKA720911 BZW720910:CAE720911 BQA720910:BQI720911 BGE720910:BGM720911 AWI720910:AWQ720911 AMM720910:AMU720911 ACQ720910:ACY720911 SU720910:TC720911 IY720910:JG720911 E786446:L786447 WVK655374:WVS655375 WLO655374:WLW655375 WBS655374:WCA655375 VRW655374:VSE655375 VIA655374:VII655375 UYE655374:UYM655375 UOI655374:UOQ655375 UEM655374:UEU655375 TUQ655374:TUY655375 TKU655374:TLC655375 TAY655374:TBG655375 SRC655374:SRK655375 SHG655374:SHO655375 RXK655374:RXS655375 RNO655374:RNW655375 RDS655374:REA655375 QTW655374:QUE655375 QKA655374:QKI655375 QAE655374:QAM655375 PQI655374:PQQ655375 PGM655374:PGU655375 OWQ655374:OWY655375 OMU655374:ONC655375 OCY655374:ODG655375 NTC655374:NTK655375 NJG655374:NJO655375 MZK655374:MZS655375 MPO655374:MPW655375 MFS655374:MGA655375 LVW655374:LWE655375 LMA655374:LMI655375 LCE655374:LCM655375 KSI655374:KSQ655375 KIM655374:KIU655375 JYQ655374:JYY655375 JOU655374:JPC655375 JEY655374:JFG655375 IVC655374:IVK655375 ILG655374:ILO655375 IBK655374:IBS655375 HRO655374:HRW655375 HHS655374:HIA655375 GXW655374:GYE655375 GOA655374:GOI655375 GEE655374:GEM655375 FUI655374:FUQ655375 FKM655374:FKU655375 FAQ655374:FAY655375 EQU655374:ERC655375 EGY655374:EHG655375 DXC655374:DXK655375 DNG655374:DNO655375 DDK655374:DDS655375 CTO655374:CTW655375 CJS655374:CKA655375 BZW655374:CAE655375 BQA655374:BQI655375 BGE655374:BGM655375 AWI655374:AWQ655375 AMM655374:AMU655375 ACQ655374:ACY655375 SU655374:TC655375 IY655374:JG655375 E720910:L720911 WVK589838:WVS589839 WLO589838:WLW589839 WBS589838:WCA589839 VRW589838:VSE589839 VIA589838:VII589839 UYE589838:UYM589839 UOI589838:UOQ589839 UEM589838:UEU589839 TUQ589838:TUY589839 TKU589838:TLC589839 TAY589838:TBG589839 SRC589838:SRK589839 SHG589838:SHO589839 RXK589838:RXS589839 RNO589838:RNW589839 RDS589838:REA589839 QTW589838:QUE589839 QKA589838:QKI589839 QAE589838:QAM589839 PQI589838:PQQ589839 PGM589838:PGU589839 OWQ589838:OWY589839 OMU589838:ONC589839 OCY589838:ODG589839 NTC589838:NTK589839 NJG589838:NJO589839 MZK589838:MZS589839 MPO589838:MPW589839 MFS589838:MGA589839 LVW589838:LWE589839 LMA589838:LMI589839 LCE589838:LCM589839 KSI589838:KSQ589839 KIM589838:KIU589839 JYQ589838:JYY589839 JOU589838:JPC589839 JEY589838:JFG589839 IVC589838:IVK589839 ILG589838:ILO589839 IBK589838:IBS589839 HRO589838:HRW589839 HHS589838:HIA589839 GXW589838:GYE589839 GOA589838:GOI589839 GEE589838:GEM589839 FUI589838:FUQ589839 FKM589838:FKU589839 FAQ589838:FAY589839 EQU589838:ERC589839 EGY589838:EHG589839 DXC589838:DXK589839 DNG589838:DNO589839 DDK589838:DDS589839 CTO589838:CTW589839 CJS589838:CKA589839 BZW589838:CAE589839 BQA589838:BQI589839 BGE589838:BGM589839 AWI589838:AWQ589839 AMM589838:AMU589839 ACQ589838:ACY589839 SU589838:TC589839 IY589838:JG589839 E655374:L655375 WVK524302:WVS524303 WLO524302:WLW524303 WBS524302:WCA524303 VRW524302:VSE524303 VIA524302:VII524303 UYE524302:UYM524303 UOI524302:UOQ524303 UEM524302:UEU524303 TUQ524302:TUY524303 TKU524302:TLC524303 TAY524302:TBG524303 SRC524302:SRK524303 SHG524302:SHO524303 RXK524302:RXS524303 RNO524302:RNW524303 RDS524302:REA524303 QTW524302:QUE524303 QKA524302:QKI524303 QAE524302:QAM524303 PQI524302:PQQ524303 PGM524302:PGU524303 OWQ524302:OWY524303 OMU524302:ONC524303 OCY524302:ODG524303 NTC524302:NTK524303 NJG524302:NJO524303 MZK524302:MZS524303 MPO524302:MPW524303 MFS524302:MGA524303 LVW524302:LWE524303 LMA524302:LMI524303 LCE524302:LCM524303 KSI524302:KSQ524303 KIM524302:KIU524303 JYQ524302:JYY524303 JOU524302:JPC524303 JEY524302:JFG524303 IVC524302:IVK524303 ILG524302:ILO524303 IBK524302:IBS524303 HRO524302:HRW524303 HHS524302:HIA524303 GXW524302:GYE524303 GOA524302:GOI524303 GEE524302:GEM524303 FUI524302:FUQ524303 FKM524302:FKU524303 FAQ524302:FAY524303 EQU524302:ERC524303 EGY524302:EHG524303 DXC524302:DXK524303 DNG524302:DNO524303 DDK524302:DDS524303 CTO524302:CTW524303 CJS524302:CKA524303 BZW524302:CAE524303 BQA524302:BQI524303 BGE524302:BGM524303 AWI524302:AWQ524303 AMM524302:AMU524303 ACQ524302:ACY524303 SU524302:TC524303 IY524302:JG524303 E589838:L589839 WVK458766:WVS458767 WLO458766:WLW458767 WBS458766:WCA458767 VRW458766:VSE458767 VIA458766:VII458767 UYE458766:UYM458767 UOI458766:UOQ458767 UEM458766:UEU458767 TUQ458766:TUY458767 TKU458766:TLC458767 TAY458766:TBG458767 SRC458766:SRK458767 SHG458766:SHO458767 RXK458766:RXS458767 RNO458766:RNW458767 RDS458766:REA458767 QTW458766:QUE458767 QKA458766:QKI458767 QAE458766:QAM458767 PQI458766:PQQ458767 PGM458766:PGU458767 OWQ458766:OWY458767 OMU458766:ONC458767 OCY458766:ODG458767 NTC458766:NTK458767 NJG458766:NJO458767 MZK458766:MZS458767 MPO458766:MPW458767 MFS458766:MGA458767 LVW458766:LWE458767 LMA458766:LMI458767 LCE458766:LCM458767 KSI458766:KSQ458767 KIM458766:KIU458767 JYQ458766:JYY458767 JOU458766:JPC458767 JEY458766:JFG458767 IVC458766:IVK458767 ILG458766:ILO458767 IBK458766:IBS458767 HRO458766:HRW458767 HHS458766:HIA458767 GXW458766:GYE458767 GOA458766:GOI458767 GEE458766:GEM458767 FUI458766:FUQ458767 FKM458766:FKU458767 FAQ458766:FAY458767 EQU458766:ERC458767 EGY458766:EHG458767 DXC458766:DXK458767 DNG458766:DNO458767 DDK458766:DDS458767 CTO458766:CTW458767 CJS458766:CKA458767 BZW458766:CAE458767 BQA458766:BQI458767 BGE458766:BGM458767 AWI458766:AWQ458767 AMM458766:AMU458767 ACQ458766:ACY458767 SU458766:TC458767 IY458766:JG458767 E524302:L524303 WVK393230:WVS393231 WLO393230:WLW393231 WBS393230:WCA393231 VRW393230:VSE393231 VIA393230:VII393231 UYE393230:UYM393231 UOI393230:UOQ393231 UEM393230:UEU393231 TUQ393230:TUY393231 TKU393230:TLC393231 TAY393230:TBG393231 SRC393230:SRK393231 SHG393230:SHO393231 RXK393230:RXS393231 RNO393230:RNW393231 RDS393230:REA393231 QTW393230:QUE393231 QKA393230:QKI393231 QAE393230:QAM393231 PQI393230:PQQ393231 PGM393230:PGU393231 OWQ393230:OWY393231 OMU393230:ONC393231 OCY393230:ODG393231 NTC393230:NTK393231 NJG393230:NJO393231 MZK393230:MZS393231 MPO393230:MPW393231 MFS393230:MGA393231 LVW393230:LWE393231 LMA393230:LMI393231 LCE393230:LCM393231 KSI393230:KSQ393231 KIM393230:KIU393231 JYQ393230:JYY393231 JOU393230:JPC393231 JEY393230:JFG393231 IVC393230:IVK393231 ILG393230:ILO393231 IBK393230:IBS393231 HRO393230:HRW393231 HHS393230:HIA393231 GXW393230:GYE393231 GOA393230:GOI393231 GEE393230:GEM393231 FUI393230:FUQ393231 FKM393230:FKU393231 FAQ393230:FAY393231 EQU393230:ERC393231 EGY393230:EHG393231 DXC393230:DXK393231 DNG393230:DNO393231 DDK393230:DDS393231 CTO393230:CTW393231 CJS393230:CKA393231 BZW393230:CAE393231 BQA393230:BQI393231 BGE393230:BGM393231 AWI393230:AWQ393231 AMM393230:AMU393231 ACQ393230:ACY393231 SU393230:TC393231 IY393230:JG393231 E458766:L458767 WVK327694:WVS327695 WLO327694:WLW327695 WBS327694:WCA327695 VRW327694:VSE327695 VIA327694:VII327695 UYE327694:UYM327695 UOI327694:UOQ327695 UEM327694:UEU327695 TUQ327694:TUY327695 TKU327694:TLC327695 TAY327694:TBG327695 SRC327694:SRK327695 SHG327694:SHO327695 RXK327694:RXS327695 RNO327694:RNW327695 RDS327694:REA327695 QTW327694:QUE327695 QKA327694:QKI327695 QAE327694:QAM327695 PQI327694:PQQ327695 PGM327694:PGU327695 OWQ327694:OWY327695 OMU327694:ONC327695 OCY327694:ODG327695 NTC327694:NTK327695 NJG327694:NJO327695 MZK327694:MZS327695 MPO327694:MPW327695 MFS327694:MGA327695 LVW327694:LWE327695 LMA327694:LMI327695 LCE327694:LCM327695 KSI327694:KSQ327695 KIM327694:KIU327695 JYQ327694:JYY327695 JOU327694:JPC327695 JEY327694:JFG327695 IVC327694:IVK327695 ILG327694:ILO327695 IBK327694:IBS327695 HRO327694:HRW327695 HHS327694:HIA327695 GXW327694:GYE327695 GOA327694:GOI327695 GEE327694:GEM327695 FUI327694:FUQ327695 FKM327694:FKU327695 FAQ327694:FAY327695 EQU327694:ERC327695 EGY327694:EHG327695 DXC327694:DXK327695 DNG327694:DNO327695 DDK327694:DDS327695 CTO327694:CTW327695 CJS327694:CKA327695 BZW327694:CAE327695 BQA327694:BQI327695 BGE327694:BGM327695 AWI327694:AWQ327695 AMM327694:AMU327695 ACQ327694:ACY327695 SU327694:TC327695 IY327694:JG327695 E393230:L393231 WVK262158:WVS262159 WLO262158:WLW262159 WBS262158:WCA262159 VRW262158:VSE262159 VIA262158:VII262159 UYE262158:UYM262159 UOI262158:UOQ262159 UEM262158:UEU262159 TUQ262158:TUY262159 TKU262158:TLC262159 TAY262158:TBG262159 SRC262158:SRK262159 SHG262158:SHO262159 RXK262158:RXS262159 RNO262158:RNW262159 RDS262158:REA262159 QTW262158:QUE262159 QKA262158:QKI262159 QAE262158:QAM262159 PQI262158:PQQ262159 PGM262158:PGU262159 OWQ262158:OWY262159 OMU262158:ONC262159 OCY262158:ODG262159 NTC262158:NTK262159 NJG262158:NJO262159 MZK262158:MZS262159 MPO262158:MPW262159 MFS262158:MGA262159 LVW262158:LWE262159 LMA262158:LMI262159 LCE262158:LCM262159 KSI262158:KSQ262159 KIM262158:KIU262159 JYQ262158:JYY262159 JOU262158:JPC262159 JEY262158:JFG262159 IVC262158:IVK262159 ILG262158:ILO262159 IBK262158:IBS262159 HRO262158:HRW262159 HHS262158:HIA262159 GXW262158:GYE262159 GOA262158:GOI262159 GEE262158:GEM262159 FUI262158:FUQ262159 FKM262158:FKU262159 FAQ262158:FAY262159 EQU262158:ERC262159 EGY262158:EHG262159 DXC262158:DXK262159 DNG262158:DNO262159 DDK262158:DDS262159 CTO262158:CTW262159 CJS262158:CKA262159 BZW262158:CAE262159 BQA262158:BQI262159 BGE262158:BGM262159 AWI262158:AWQ262159 AMM262158:AMU262159 ACQ262158:ACY262159 SU262158:TC262159 IY262158:JG262159 E327694:L327695 WVK196622:WVS196623 WLO196622:WLW196623 WBS196622:WCA196623 VRW196622:VSE196623 VIA196622:VII196623 UYE196622:UYM196623 UOI196622:UOQ196623 UEM196622:UEU196623 TUQ196622:TUY196623 TKU196622:TLC196623 TAY196622:TBG196623 SRC196622:SRK196623 SHG196622:SHO196623 RXK196622:RXS196623 RNO196622:RNW196623 RDS196622:REA196623 QTW196622:QUE196623 QKA196622:QKI196623 QAE196622:QAM196623 PQI196622:PQQ196623 PGM196622:PGU196623 OWQ196622:OWY196623 OMU196622:ONC196623 OCY196622:ODG196623 NTC196622:NTK196623 NJG196622:NJO196623 MZK196622:MZS196623 MPO196622:MPW196623 MFS196622:MGA196623 LVW196622:LWE196623 LMA196622:LMI196623 LCE196622:LCM196623 KSI196622:KSQ196623 KIM196622:KIU196623 JYQ196622:JYY196623 JOU196622:JPC196623 JEY196622:JFG196623 IVC196622:IVK196623 ILG196622:ILO196623 IBK196622:IBS196623 HRO196622:HRW196623 HHS196622:HIA196623 GXW196622:GYE196623 GOA196622:GOI196623 GEE196622:GEM196623 FUI196622:FUQ196623 FKM196622:FKU196623 FAQ196622:FAY196623 EQU196622:ERC196623 EGY196622:EHG196623 DXC196622:DXK196623 DNG196622:DNO196623 DDK196622:DDS196623 CTO196622:CTW196623 CJS196622:CKA196623 BZW196622:CAE196623 BQA196622:BQI196623 BGE196622:BGM196623 AWI196622:AWQ196623 AMM196622:AMU196623 ACQ196622:ACY196623 SU196622:TC196623 IY196622:JG196623 E262158:L262159 WVK131086:WVS131087 WLO131086:WLW131087 WBS131086:WCA131087 VRW131086:VSE131087 VIA131086:VII131087 UYE131086:UYM131087 UOI131086:UOQ131087 UEM131086:UEU131087 TUQ131086:TUY131087 TKU131086:TLC131087 TAY131086:TBG131087 SRC131086:SRK131087 SHG131086:SHO131087 RXK131086:RXS131087 RNO131086:RNW131087 RDS131086:REA131087 QTW131086:QUE131087 QKA131086:QKI131087 QAE131086:QAM131087 PQI131086:PQQ131087 PGM131086:PGU131087 OWQ131086:OWY131087 OMU131086:ONC131087 OCY131086:ODG131087 NTC131086:NTK131087 NJG131086:NJO131087 MZK131086:MZS131087 MPO131086:MPW131087 MFS131086:MGA131087 LVW131086:LWE131087 LMA131086:LMI131087 LCE131086:LCM131087 KSI131086:KSQ131087 KIM131086:KIU131087 JYQ131086:JYY131087 JOU131086:JPC131087 JEY131086:JFG131087 IVC131086:IVK131087 ILG131086:ILO131087 IBK131086:IBS131087 HRO131086:HRW131087 HHS131086:HIA131087 GXW131086:GYE131087 GOA131086:GOI131087 GEE131086:GEM131087 FUI131086:FUQ131087 FKM131086:FKU131087 FAQ131086:FAY131087 EQU131086:ERC131087 EGY131086:EHG131087 DXC131086:DXK131087 DNG131086:DNO131087 DDK131086:DDS131087 CTO131086:CTW131087 CJS131086:CKA131087 BZW131086:CAE131087 BQA131086:BQI131087 BGE131086:BGM131087 AWI131086:AWQ131087 AMM131086:AMU131087 ACQ131086:ACY131087 SU131086:TC131087 IY131086:JG131087 E196622:L196623 WVK65550:WVS65551 WLO65550:WLW65551 WBS65550:WCA65551 VRW65550:VSE65551 VIA65550:VII65551 UYE65550:UYM65551 UOI65550:UOQ65551 UEM65550:UEU65551 TUQ65550:TUY65551 TKU65550:TLC65551 TAY65550:TBG65551 SRC65550:SRK65551 SHG65550:SHO65551 RXK65550:RXS65551 RNO65550:RNW65551 RDS65550:REA65551 QTW65550:QUE65551 QKA65550:QKI65551 QAE65550:QAM65551 PQI65550:PQQ65551 PGM65550:PGU65551 OWQ65550:OWY65551 OMU65550:ONC65551 OCY65550:ODG65551 NTC65550:NTK65551 NJG65550:NJO65551 MZK65550:MZS65551 MPO65550:MPW65551 MFS65550:MGA65551 LVW65550:LWE65551 LMA65550:LMI65551 LCE65550:LCM65551 KSI65550:KSQ65551 KIM65550:KIU65551 JYQ65550:JYY65551 JOU65550:JPC65551 JEY65550:JFG65551 IVC65550:IVK65551 ILG65550:ILO65551 IBK65550:IBS65551 HRO65550:HRW65551 HHS65550:HIA65551 GXW65550:GYE65551 GOA65550:GOI65551 GEE65550:GEM65551 FUI65550:FUQ65551 FKM65550:FKU65551 FAQ65550:FAY65551 EQU65550:ERC65551 EGY65550:EHG65551 DXC65550:DXK65551 DNG65550:DNO65551 DDK65550:DDS65551 CTO65550:CTW65551 CJS65550:CKA65551 BZW65550:CAE65551 BQA65550:BQI65551 BGE65550:BGM65551 AWI65550:AWQ65551 AMM65550:AMU65551 ACQ65550:ACY65551 SU65550:TC65551 IY65550:JG65551 E131086:L131087 WVK14:WVS15 WLO14:WLW15 WBS14:WCA15 VRW14:VSE15 VIA14:VII15 UYE14:UYM15 UOI14:UOQ15 UEM14:UEU15 TUQ14:TUY15 TKU14:TLC15 TAY14:TBG15 SRC14:SRK15 SHG14:SHO15 RXK14:RXS15 RNO14:RNW15 RDS14:REA15 QTW14:QUE15 QKA14:QKI15 QAE14:QAM15 PQI14:PQQ15 PGM14:PGU15 OWQ14:OWY15 OMU14:ONC15 OCY14:ODG15 NTC14:NTK15 NJG14:NJO15 MZK14:MZS15 MPO14:MPW15 MFS14:MGA15 LVW14:LWE15 LMA14:LMI15 LCE14:LCM15 KSI14:KSQ15 KIM14:KIU15 JYQ14:JYY15 JOU14:JPC15 JEY14:JFG15 IVC14:IVK15 ILG14:ILO15 IBK14:IBS15 HRO14:HRW15 HHS14:HIA15 GXW14:GYE15 GOA14:GOI15 GEE14:GEM15 FUI14:FUQ15 FKM14:FKU15 FAQ14:FAY15 EQU14:ERC15 EGY14:EHG15 DXC14:DXK15 DNG14:DNO15 DDK14:DDS15 CTO14:CTW15 CJS14:CKA15 BZW14:CAE15 BQA14:BQI15 BGE14:BGM15 AWI14:AWQ15 AMM14:AMU15 ACQ14:ACY15 SU14:TC15 IY14:JG15 E65550:L65551 WVZ983051:WWB983052 WMD983051:WMF983052 WCH983051:WCJ983052 VSL983051:VSN983052 VIP983051:VIR983052 UYT983051:UYV983052 UOX983051:UOZ983052 UFB983051:UFD983052 TVF983051:TVH983052 TLJ983051:TLL983052 TBN983051:TBP983052 SRR983051:SRT983052 SHV983051:SHX983052 RXZ983051:RYB983052 ROD983051:ROF983052 REH983051:REJ983052 QUL983051:QUN983052 QKP983051:QKR983052 QAT983051:QAV983052 PQX983051:PQZ983052 PHB983051:PHD983052 OXF983051:OXH983052 ONJ983051:ONL983052 ODN983051:ODP983052 NTR983051:NTT983052 NJV983051:NJX983052 MZZ983051:NAB983052 MQD983051:MQF983052 MGH983051:MGJ983052 LWL983051:LWN983052 LMP983051:LMR983052 LCT983051:LCV983052 KSX983051:KSZ983052 KJB983051:KJD983052 JZF983051:JZH983052 JPJ983051:JPL983052 JFN983051:JFP983052 IVR983051:IVT983052 ILV983051:ILX983052 IBZ983051:ICB983052 HSD983051:HSF983052 HIH983051:HIJ983052 GYL983051:GYN983052 GOP983051:GOR983052 GET983051:GEV983052 FUX983051:FUZ983052 FLB983051:FLD983052 FBF983051:FBH983052 ERJ983051:ERL983052 EHN983051:EHP983052 DXR983051:DXT983052 DNV983051:DNX983052 DDZ983051:DEB983052 CUD983051:CUF983052 CKH983051:CKJ983052 CAL983051:CAN983052 BQP983051:BQR983052 BGT983051:BGV983052 AWX983051:AWZ983052 ANB983051:AND983052 ADF983051:ADH983052 TJ983051:TL983052 JN983051:JP983052 S983051:U983052 WVZ917515:WWB917516 WMD917515:WMF917516 WCH917515:WCJ917516 VSL917515:VSN917516 VIP917515:VIR917516 UYT917515:UYV917516 UOX917515:UOZ917516 UFB917515:UFD917516 TVF917515:TVH917516 TLJ917515:TLL917516 TBN917515:TBP917516 SRR917515:SRT917516 SHV917515:SHX917516 RXZ917515:RYB917516 ROD917515:ROF917516 REH917515:REJ917516 QUL917515:QUN917516 QKP917515:QKR917516 QAT917515:QAV917516 PQX917515:PQZ917516 PHB917515:PHD917516 OXF917515:OXH917516 ONJ917515:ONL917516 ODN917515:ODP917516 NTR917515:NTT917516 NJV917515:NJX917516 MZZ917515:NAB917516 MQD917515:MQF917516 MGH917515:MGJ917516 LWL917515:LWN917516 LMP917515:LMR917516 LCT917515:LCV917516 KSX917515:KSZ917516 KJB917515:KJD917516 JZF917515:JZH917516 JPJ917515:JPL917516 JFN917515:JFP917516 IVR917515:IVT917516 ILV917515:ILX917516 IBZ917515:ICB917516 HSD917515:HSF917516 HIH917515:HIJ917516 GYL917515:GYN917516 GOP917515:GOR917516 GET917515:GEV917516 FUX917515:FUZ917516 FLB917515:FLD917516 FBF917515:FBH917516 ERJ917515:ERL917516 EHN917515:EHP917516 DXR917515:DXT917516 DNV917515:DNX917516 DDZ917515:DEB917516 CUD917515:CUF917516 CKH917515:CKJ917516 CAL917515:CAN917516 BQP917515:BQR917516 BGT917515:BGV917516 AWX917515:AWZ917516 ANB917515:AND917516 ADF917515:ADH917516 TJ917515:TL917516 JN917515:JP917516 S917515:U917516 WVZ851979:WWB851980 WMD851979:WMF851980 WCH851979:WCJ851980 VSL851979:VSN851980 VIP851979:VIR851980 UYT851979:UYV851980 UOX851979:UOZ851980 UFB851979:UFD851980 TVF851979:TVH851980 TLJ851979:TLL851980 TBN851979:TBP851980 SRR851979:SRT851980 SHV851979:SHX851980 RXZ851979:RYB851980 ROD851979:ROF851980 REH851979:REJ851980 QUL851979:QUN851980 QKP851979:QKR851980 QAT851979:QAV851980 PQX851979:PQZ851980 PHB851979:PHD851980 OXF851979:OXH851980 ONJ851979:ONL851980 ODN851979:ODP851980 NTR851979:NTT851980 NJV851979:NJX851980 MZZ851979:NAB851980 MQD851979:MQF851980 MGH851979:MGJ851980 LWL851979:LWN851980 LMP851979:LMR851980 LCT851979:LCV851980 KSX851979:KSZ851980 KJB851979:KJD851980 JZF851979:JZH851980 JPJ851979:JPL851980 JFN851979:JFP851980 IVR851979:IVT851980 ILV851979:ILX851980 IBZ851979:ICB851980 HSD851979:HSF851980 HIH851979:HIJ851980 GYL851979:GYN851980 GOP851979:GOR851980 GET851979:GEV851980 FUX851979:FUZ851980 FLB851979:FLD851980 FBF851979:FBH851980 ERJ851979:ERL851980 EHN851979:EHP851980 DXR851979:DXT851980 DNV851979:DNX851980 DDZ851979:DEB851980 CUD851979:CUF851980 CKH851979:CKJ851980 CAL851979:CAN851980 BQP851979:BQR851980 BGT851979:BGV851980 AWX851979:AWZ851980 ANB851979:AND851980 ADF851979:ADH851980 TJ851979:TL851980 JN851979:JP851980 S851979:U851980 WVZ786443:WWB786444 WMD786443:WMF786444 WCH786443:WCJ786444 VSL786443:VSN786444 VIP786443:VIR786444 UYT786443:UYV786444 UOX786443:UOZ786444 UFB786443:UFD786444 TVF786443:TVH786444 TLJ786443:TLL786444 TBN786443:TBP786444 SRR786443:SRT786444 SHV786443:SHX786444 RXZ786443:RYB786444 ROD786443:ROF786444 REH786443:REJ786444 QUL786443:QUN786444 QKP786443:QKR786444 QAT786443:QAV786444 PQX786443:PQZ786444 PHB786443:PHD786444 OXF786443:OXH786444 ONJ786443:ONL786444 ODN786443:ODP786444 NTR786443:NTT786444 NJV786443:NJX786444 MZZ786443:NAB786444 MQD786443:MQF786444 MGH786443:MGJ786444 LWL786443:LWN786444 LMP786443:LMR786444 LCT786443:LCV786444 KSX786443:KSZ786444 KJB786443:KJD786444 JZF786443:JZH786444 JPJ786443:JPL786444 JFN786443:JFP786444 IVR786443:IVT786444 ILV786443:ILX786444 IBZ786443:ICB786444 HSD786443:HSF786444 HIH786443:HIJ786444 GYL786443:GYN786444 GOP786443:GOR786444 GET786443:GEV786444 FUX786443:FUZ786444 FLB786443:FLD786444 FBF786443:FBH786444 ERJ786443:ERL786444 EHN786443:EHP786444 DXR786443:DXT786444 DNV786443:DNX786444 DDZ786443:DEB786444 CUD786443:CUF786444 CKH786443:CKJ786444 CAL786443:CAN786444 BQP786443:BQR786444 BGT786443:BGV786444 AWX786443:AWZ786444 ANB786443:AND786444 ADF786443:ADH786444 TJ786443:TL786444 JN786443:JP786444 S786443:U786444 WVZ720907:WWB720908 WMD720907:WMF720908 WCH720907:WCJ720908 VSL720907:VSN720908 VIP720907:VIR720908 UYT720907:UYV720908 UOX720907:UOZ720908 UFB720907:UFD720908 TVF720907:TVH720908 TLJ720907:TLL720908 TBN720907:TBP720908 SRR720907:SRT720908 SHV720907:SHX720908 RXZ720907:RYB720908 ROD720907:ROF720908 REH720907:REJ720908 QUL720907:QUN720908 QKP720907:QKR720908 QAT720907:QAV720908 PQX720907:PQZ720908 PHB720907:PHD720908 OXF720907:OXH720908 ONJ720907:ONL720908 ODN720907:ODP720908 NTR720907:NTT720908 NJV720907:NJX720908 MZZ720907:NAB720908 MQD720907:MQF720908 MGH720907:MGJ720908 LWL720907:LWN720908 LMP720907:LMR720908 LCT720907:LCV720908 KSX720907:KSZ720908 KJB720907:KJD720908 JZF720907:JZH720908 JPJ720907:JPL720908 JFN720907:JFP720908 IVR720907:IVT720908 ILV720907:ILX720908 IBZ720907:ICB720908 HSD720907:HSF720908 HIH720907:HIJ720908 GYL720907:GYN720908 GOP720907:GOR720908 GET720907:GEV720908 FUX720907:FUZ720908 FLB720907:FLD720908 FBF720907:FBH720908 ERJ720907:ERL720908 EHN720907:EHP720908 DXR720907:DXT720908 DNV720907:DNX720908 DDZ720907:DEB720908 CUD720907:CUF720908 CKH720907:CKJ720908 CAL720907:CAN720908 BQP720907:BQR720908 BGT720907:BGV720908 AWX720907:AWZ720908 ANB720907:AND720908 ADF720907:ADH720908 TJ720907:TL720908 JN720907:JP720908 S720907:U720908 WVZ655371:WWB655372 WMD655371:WMF655372 WCH655371:WCJ655372 VSL655371:VSN655372 VIP655371:VIR655372 UYT655371:UYV655372 UOX655371:UOZ655372 UFB655371:UFD655372 TVF655371:TVH655372 TLJ655371:TLL655372 TBN655371:TBP655372 SRR655371:SRT655372 SHV655371:SHX655372 RXZ655371:RYB655372 ROD655371:ROF655372 REH655371:REJ655372 QUL655371:QUN655372 QKP655371:QKR655372 QAT655371:QAV655372 PQX655371:PQZ655372 PHB655371:PHD655372 OXF655371:OXH655372 ONJ655371:ONL655372 ODN655371:ODP655372 NTR655371:NTT655372 NJV655371:NJX655372 MZZ655371:NAB655372 MQD655371:MQF655372 MGH655371:MGJ655372 LWL655371:LWN655372 LMP655371:LMR655372 LCT655371:LCV655372 KSX655371:KSZ655372 KJB655371:KJD655372 JZF655371:JZH655372 JPJ655371:JPL655372 JFN655371:JFP655372 IVR655371:IVT655372 ILV655371:ILX655372 IBZ655371:ICB655372 HSD655371:HSF655372 HIH655371:HIJ655372 GYL655371:GYN655372 GOP655371:GOR655372 GET655371:GEV655372 FUX655371:FUZ655372 FLB655371:FLD655372 FBF655371:FBH655372 ERJ655371:ERL655372 EHN655371:EHP655372 DXR655371:DXT655372 DNV655371:DNX655372 DDZ655371:DEB655372 CUD655371:CUF655372 CKH655371:CKJ655372 CAL655371:CAN655372 BQP655371:BQR655372 BGT655371:BGV655372 AWX655371:AWZ655372 ANB655371:AND655372 ADF655371:ADH655372 TJ655371:TL655372 JN655371:JP655372 S655371:U655372 WVZ589835:WWB589836 WMD589835:WMF589836 WCH589835:WCJ589836 VSL589835:VSN589836 VIP589835:VIR589836 UYT589835:UYV589836 UOX589835:UOZ589836 UFB589835:UFD589836 TVF589835:TVH589836 TLJ589835:TLL589836 TBN589835:TBP589836 SRR589835:SRT589836 SHV589835:SHX589836 RXZ589835:RYB589836 ROD589835:ROF589836 REH589835:REJ589836 QUL589835:QUN589836 QKP589835:QKR589836 QAT589835:QAV589836 PQX589835:PQZ589836 PHB589835:PHD589836 OXF589835:OXH589836 ONJ589835:ONL589836 ODN589835:ODP589836 NTR589835:NTT589836 NJV589835:NJX589836 MZZ589835:NAB589836 MQD589835:MQF589836 MGH589835:MGJ589836 LWL589835:LWN589836 LMP589835:LMR589836 LCT589835:LCV589836 KSX589835:KSZ589836 KJB589835:KJD589836 JZF589835:JZH589836 JPJ589835:JPL589836 JFN589835:JFP589836 IVR589835:IVT589836 ILV589835:ILX589836 IBZ589835:ICB589836 HSD589835:HSF589836 HIH589835:HIJ589836 GYL589835:GYN589836 GOP589835:GOR589836 GET589835:GEV589836 FUX589835:FUZ589836 FLB589835:FLD589836 FBF589835:FBH589836 ERJ589835:ERL589836 EHN589835:EHP589836 DXR589835:DXT589836 DNV589835:DNX589836 DDZ589835:DEB589836 CUD589835:CUF589836 CKH589835:CKJ589836 CAL589835:CAN589836 BQP589835:BQR589836 BGT589835:BGV589836 AWX589835:AWZ589836 ANB589835:AND589836 ADF589835:ADH589836 TJ589835:TL589836 JN589835:JP589836 S589835:U589836 WVZ524299:WWB524300 WMD524299:WMF524300 WCH524299:WCJ524300 VSL524299:VSN524300 VIP524299:VIR524300 UYT524299:UYV524300 UOX524299:UOZ524300 UFB524299:UFD524300 TVF524299:TVH524300 TLJ524299:TLL524300 TBN524299:TBP524300 SRR524299:SRT524300 SHV524299:SHX524300 RXZ524299:RYB524300 ROD524299:ROF524300 REH524299:REJ524300 QUL524299:QUN524300 QKP524299:QKR524300 QAT524299:QAV524300 PQX524299:PQZ524300 PHB524299:PHD524300 OXF524299:OXH524300 ONJ524299:ONL524300 ODN524299:ODP524300 NTR524299:NTT524300 NJV524299:NJX524300 MZZ524299:NAB524300 MQD524299:MQF524300 MGH524299:MGJ524300 LWL524299:LWN524300 LMP524299:LMR524300 LCT524299:LCV524300 KSX524299:KSZ524300 KJB524299:KJD524300 JZF524299:JZH524300 JPJ524299:JPL524300 JFN524299:JFP524300 IVR524299:IVT524300 ILV524299:ILX524300 IBZ524299:ICB524300 HSD524299:HSF524300 HIH524299:HIJ524300 GYL524299:GYN524300 GOP524299:GOR524300 GET524299:GEV524300 FUX524299:FUZ524300 FLB524299:FLD524300 FBF524299:FBH524300 ERJ524299:ERL524300 EHN524299:EHP524300 DXR524299:DXT524300 DNV524299:DNX524300 DDZ524299:DEB524300 CUD524299:CUF524300 CKH524299:CKJ524300 CAL524299:CAN524300 BQP524299:BQR524300 BGT524299:BGV524300 AWX524299:AWZ524300 ANB524299:AND524300 ADF524299:ADH524300 TJ524299:TL524300 JN524299:JP524300 S524299:U524300 WVZ458763:WWB458764 WMD458763:WMF458764 WCH458763:WCJ458764 VSL458763:VSN458764 VIP458763:VIR458764 UYT458763:UYV458764 UOX458763:UOZ458764 UFB458763:UFD458764 TVF458763:TVH458764 TLJ458763:TLL458764 TBN458763:TBP458764 SRR458763:SRT458764 SHV458763:SHX458764 RXZ458763:RYB458764 ROD458763:ROF458764 REH458763:REJ458764 QUL458763:QUN458764 QKP458763:QKR458764 QAT458763:QAV458764 PQX458763:PQZ458764 PHB458763:PHD458764 OXF458763:OXH458764 ONJ458763:ONL458764 ODN458763:ODP458764 NTR458763:NTT458764 NJV458763:NJX458764 MZZ458763:NAB458764 MQD458763:MQF458764 MGH458763:MGJ458764 LWL458763:LWN458764 LMP458763:LMR458764 LCT458763:LCV458764 KSX458763:KSZ458764 KJB458763:KJD458764 JZF458763:JZH458764 JPJ458763:JPL458764 JFN458763:JFP458764 IVR458763:IVT458764 ILV458763:ILX458764 IBZ458763:ICB458764 HSD458763:HSF458764 HIH458763:HIJ458764 GYL458763:GYN458764 GOP458763:GOR458764 GET458763:GEV458764 FUX458763:FUZ458764 FLB458763:FLD458764 FBF458763:FBH458764 ERJ458763:ERL458764 EHN458763:EHP458764 DXR458763:DXT458764 DNV458763:DNX458764 DDZ458763:DEB458764 CUD458763:CUF458764 CKH458763:CKJ458764 CAL458763:CAN458764 BQP458763:BQR458764 BGT458763:BGV458764 AWX458763:AWZ458764 ANB458763:AND458764 ADF458763:ADH458764 TJ458763:TL458764 JN458763:JP458764 S458763:U458764 WVZ393227:WWB393228 WMD393227:WMF393228 WCH393227:WCJ393228 VSL393227:VSN393228 VIP393227:VIR393228 UYT393227:UYV393228 UOX393227:UOZ393228 UFB393227:UFD393228 TVF393227:TVH393228 TLJ393227:TLL393228 TBN393227:TBP393228 SRR393227:SRT393228 SHV393227:SHX393228 RXZ393227:RYB393228 ROD393227:ROF393228 REH393227:REJ393228 QUL393227:QUN393228 QKP393227:QKR393228 QAT393227:QAV393228 PQX393227:PQZ393228 PHB393227:PHD393228 OXF393227:OXH393228 ONJ393227:ONL393228 ODN393227:ODP393228 NTR393227:NTT393228 NJV393227:NJX393228 MZZ393227:NAB393228 MQD393227:MQF393228 MGH393227:MGJ393228 LWL393227:LWN393228 LMP393227:LMR393228 LCT393227:LCV393228 KSX393227:KSZ393228 KJB393227:KJD393228 JZF393227:JZH393228 JPJ393227:JPL393228 JFN393227:JFP393228 IVR393227:IVT393228 ILV393227:ILX393228 IBZ393227:ICB393228 HSD393227:HSF393228 HIH393227:HIJ393228 GYL393227:GYN393228 GOP393227:GOR393228 GET393227:GEV393228 FUX393227:FUZ393228 FLB393227:FLD393228 FBF393227:FBH393228 ERJ393227:ERL393228 EHN393227:EHP393228 DXR393227:DXT393228 DNV393227:DNX393228 DDZ393227:DEB393228 CUD393227:CUF393228 CKH393227:CKJ393228 CAL393227:CAN393228 BQP393227:BQR393228 BGT393227:BGV393228 AWX393227:AWZ393228 ANB393227:AND393228 ADF393227:ADH393228 TJ393227:TL393228 JN393227:JP393228 S393227:U393228 WVZ327691:WWB327692 WMD327691:WMF327692 WCH327691:WCJ327692 VSL327691:VSN327692 VIP327691:VIR327692 UYT327691:UYV327692 UOX327691:UOZ327692 UFB327691:UFD327692 TVF327691:TVH327692 TLJ327691:TLL327692 TBN327691:TBP327692 SRR327691:SRT327692 SHV327691:SHX327692 RXZ327691:RYB327692 ROD327691:ROF327692 REH327691:REJ327692 QUL327691:QUN327692 QKP327691:QKR327692 QAT327691:QAV327692 PQX327691:PQZ327692 PHB327691:PHD327692 OXF327691:OXH327692 ONJ327691:ONL327692 ODN327691:ODP327692 NTR327691:NTT327692 NJV327691:NJX327692 MZZ327691:NAB327692 MQD327691:MQF327692 MGH327691:MGJ327692 LWL327691:LWN327692 LMP327691:LMR327692 LCT327691:LCV327692 KSX327691:KSZ327692 KJB327691:KJD327692 JZF327691:JZH327692 JPJ327691:JPL327692 JFN327691:JFP327692 IVR327691:IVT327692 ILV327691:ILX327692 IBZ327691:ICB327692 HSD327691:HSF327692 HIH327691:HIJ327692 GYL327691:GYN327692 GOP327691:GOR327692 GET327691:GEV327692 FUX327691:FUZ327692 FLB327691:FLD327692 FBF327691:FBH327692 ERJ327691:ERL327692 EHN327691:EHP327692 DXR327691:DXT327692 DNV327691:DNX327692 DDZ327691:DEB327692 CUD327691:CUF327692 CKH327691:CKJ327692 CAL327691:CAN327692 BQP327691:BQR327692 BGT327691:BGV327692 AWX327691:AWZ327692 ANB327691:AND327692 ADF327691:ADH327692 TJ327691:TL327692 JN327691:JP327692 S327691:U327692 WVZ262155:WWB262156 WMD262155:WMF262156 WCH262155:WCJ262156 VSL262155:VSN262156 VIP262155:VIR262156 UYT262155:UYV262156 UOX262155:UOZ262156 UFB262155:UFD262156 TVF262155:TVH262156 TLJ262155:TLL262156 TBN262155:TBP262156 SRR262155:SRT262156 SHV262155:SHX262156 RXZ262155:RYB262156 ROD262155:ROF262156 REH262155:REJ262156 QUL262155:QUN262156 QKP262155:QKR262156 QAT262155:QAV262156 PQX262155:PQZ262156 PHB262155:PHD262156 OXF262155:OXH262156 ONJ262155:ONL262156 ODN262155:ODP262156 NTR262155:NTT262156 NJV262155:NJX262156 MZZ262155:NAB262156 MQD262155:MQF262156 MGH262155:MGJ262156 LWL262155:LWN262156 LMP262155:LMR262156 LCT262155:LCV262156 KSX262155:KSZ262156 KJB262155:KJD262156 JZF262155:JZH262156 JPJ262155:JPL262156 JFN262155:JFP262156 IVR262155:IVT262156 ILV262155:ILX262156 IBZ262155:ICB262156 HSD262155:HSF262156 HIH262155:HIJ262156 GYL262155:GYN262156 GOP262155:GOR262156 GET262155:GEV262156 FUX262155:FUZ262156 FLB262155:FLD262156 FBF262155:FBH262156 ERJ262155:ERL262156 EHN262155:EHP262156 DXR262155:DXT262156 DNV262155:DNX262156 DDZ262155:DEB262156 CUD262155:CUF262156 CKH262155:CKJ262156 CAL262155:CAN262156 BQP262155:BQR262156 BGT262155:BGV262156 AWX262155:AWZ262156 ANB262155:AND262156 ADF262155:ADH262156 TJ262155:TL262156 JN262155:JP262156 S262155:U262156 WVZ196619:WWB196620 WMD196619:WMF196620 WCH196619:WCJ196620 VSL196619:VSN196620 VIP196619:VIR196620 UYT196619:UYV196620 UOX196619:UOZ196620 UFB196619:UFD196620 TVF196619:TVH196620 TLJ196619:TLL196620 TBN196619:TBP196620 SRR196619:SRT196620 SHV196619:SHX196620 RXZ196619:RYB196620 ROD196619:ROF196620 REH196619:REJ196620 QUL196619:QUN196620 QKP196619:QKR196620 QAT196619:QAV196620 PQX196619:PQZ196620 PHB196619:PHD196620 OXF196619:OXH196620 ONJ196619:ONL196620 ODN196619:ODP196620 NTR196619:NTT196620 NJV196619:NJX196620 MZZ196619:NAB196620 MQD196619:MQF196620 MGH196619:MGJ196620 LWL196619:LWN196620 LMP196619:LMR196620 LCT196619:LCV196620 KSX196619:KSZ196620 KJB196619:KJD196620 JZF196619:JZH196620 JPJ196619:JPL196620 JFN196619:JFP196620 IVR196619:IVT196620 ILV196619:ILX196620 IBZ196619:ICB196620 HSD196619:HSF196620 HIH196619:HIJ196620 GYL196619:GYN196620 GOP196619:GOR196620 GET196619:GEV196620 FUX196619:FUZ196620 FLB196619:FLD196620 FBF196619:FBH196620 ERJ196619:ERL196620 EHN196619:EHP196620 DXR196619:DXT196620 DNV196619:DNX196620 DDZ196619:DEB196620 CUD196619:CUF196620 CKH196619:CKJ196620 CAL196619:CAN196620 BQP196619:BQR196620 BGT196619:BGV196620 AWX196619:AWZ196620 ANB196619:AND196620 ADF196619:ADH196620 TJ196619:TL196620 JN196619:JP196620 S196619:U196620 WVZ131083:WWB131084 WMD131083:WMF131084 WCH131083:WCJ131084 VSL131083:VSN131084 VIP131083:VIR131084 UYT131083:UYV131084 UOX131083:UOZ131084 UFB131083:UFD131084 TVF131083:TVH131084 TLJ131083:TLL131084 TBN131083:TBP131084 SRR131083:SRT131084 SHV131083:SHX131084 RXZ131083:RYB131084 ROD131083:ROF131084 REH131083:REJ131084 QUL131083:QUN131084 QKP131083:QKR131084 QAT131083:QAV131084 PQX131083:PQZ131084 PHB131083:PHD131084 OXF131083:OXH131084 ONJ131083:ONL131084 ODN131083:ODP131084 NTR131083:NTT131084 NJV131083:NJX131084 MZZ131083:NAB131084 MQD131083:MQF131084 MGH131083:MGJ131084 LWL131083:LWN131084 LMP131083:LMR131084 LCT131083:LCV131084 KSX131083:KSZ131084 KJB131083:KJD131084 JZF131083:JZH131084 JPJ131083:JPL131084 JFN131083:JFP131084 IVR131083:IVT131084 ILV131083:ILX131084 IBZ131083:ICB131084 HSD131083:HSF131084 HIH131083:HIJ131084 GYL131083:GYN131084 GOP131083:GOR131084 GET131083:GEV131084 FUX131083:FUZ131084 FLB131083:FLD131084 FBF131083:FBH131084 ERJ131083:ERL131084 EHN131083:EHP131084 DXR131083:DXT131084 DNV131083:DNX131084 DDZ131083:DEB131084 CUD131083:CUF131084 CKH131083:CKJ131084 CAL131083:CAN131084 BQP131083:BQR131084 BGT131083:BGV131084 AWX131083:AWZ131084 ANB131083:AND131084 ADF131083:ADH131084 TJ131083:TL131084 JN131083:JP131084 S131083:U131084 WVZ65547:WWB65548 WMD65547:WMF65548 WCH65547:WCJ65548 VSL65547:VSN65548 VIP65547:VIR65548 UYT65547:UYV65548 UOX65547:UOZ65548 UFB65547:UFD65548 TVF65547:TVH65548 TLJ65547:TLL65548 TBN65547:TBP65548 SRR65547:SRT65548 SHV65547:SHX65548 RXZ65547:RYB65548 ROD65547:ROF65548 REH65547:REJ65548 QUL65547:QUN65548 QKP65547:QKR65548 QAT65547:QAV65548 PQX65547:PQZ65548 PHB65547:PHD65548 OXF65547:OXH65548 ONJ65547:ONL65548 ODN65547:ODP65548 NTR65547:NTT65548 NJV65547:NJX65548 MZZ65547:NAB65548 MQD65547:MQF65548 MGH65547:MGJ65548 LWL65547:LWN65548 LMP65547:LMR65548 LCT65547:LCV65548 KSX65547:KSZ65548 KJB65547:KJD65548 JZF65547:JZH65548 JPJ65547:JPL65548 JFN65547:JFP65548 IVR65547:IVT65548 ILV65547:ILX65548 IBZ65547:ICB65548 HSD65547:HSF65548 HIH65547:HIJ65548 GYL65547:GYN65548 GOP65547:GOR65548 GET65547:GEV65548 FUX65547:FUZ65548 FLB65547:FLD65548 FBF65547:FBH65548 ERJ65547:ERL65548 EHN65547:EHP65548 DXR65547:DXT65548 DNV65547:DNX65548 DDZ65547:DEB65548 CUD65547:CUF65548 CKH65547:CKJ65548 CAL65547:CAN65548 BQP65547:BQR65548 BGT65547:BGV65548 AWX65547:AWZ65548 ANB65547:AND65548 ADF65547:ADH65548 TJ65547:TL65548 JN65547:JP65548 S65547:U65548 WVZ11:WWB12 WMD11:WMF12 WCH11:WCJ12 VSL11:VSN12 VIP11:VIR12 UYT11:UYV12 UOX11:UOZ12 UFB11:UFD12 TVF11:TVH12 TLJ11:TLL12 TBN11:TBP12 SRR11:SRT12 SHV11:SHX12 RXZ11:RYB12 ROD11:ROF12 REH11:REJ12 QUL11:QUN12 QKP11:QKR12 QAT11:QAV12 PQX11:PQZ12 PHB11:PHD12 OXF11:OXH12 ONJ11:ONL12 ODN11:ODP12 NTR11:NTT12 NJV11:NJX12 MZZ11:NAB12 MQD11:MQF12 MGH11:MGJ12 LWL11:LWN12 LMP11:LMR12 LCT11:LCV12 KSX11:KSZ12 KJB11:KJD12 JZF11:JZH12 JPJ11:JPL12 JFN11:JFP12 IVR11:IVT12 ILV11:ILX12 IBZ11:ICB12 HSD11:HSF12 HIH11:HIJ12 GYL11:GYN12 GOP11:GOR12 GET11:GEV12 FUX11:FUZ12 FLB11:FLD12 FBF11:FBH12 ERJ11:ERL12 EHN11:EHP12 DXR11:DXT12 DNV11:DNX12 DDZ11:DEB12 CUD11:CUF12 CKH11:CKJ12 CAL11:CAN12 BQP11:BQR12 BGT11:BGV12 AWX11:AWZ12 ANB11:AND12 ADF11:ADH12 TJ11:TL12 JN11:JP12 S8:U9 WVZ983048:WWB983049 WMD983048:WMF983049 WCH983048:WCJ983049 VSL983048:VSN983049 VIP983048:VIR983049 UYT983048:UYV983049 UOX983048:UOZ983049 UFB983048:UFD983049 TVF983048:TVH983049 TLJ983048:TLL983049 TBN983048:TBP983049 SRR983048:SRT983049 SHV983048:SHX983049 RXZ983048:RYB983049 ROD983048:ROF983049 REH983048:REJ983049 QUL983048:QUN983049 QKP983048:QKR983049 QAT983048:QAV983049 PQX983048:PQZ983049 PHB983048:PHD983049 OXF983048:OXH983049 ONJ983048:ONL983049 ODN983048:ODP983049 NTR983048:NTT983049 NJV983048:NJX983049 MZZ983048:NAB983049 MQD983048:MQF983049 MGH983048:MGJ983049 LWL983048:LWN983049 LMP983048:LMR983049 LCT983048:LCV983049 KSX983048:KSZ983049 KJB983048:KJD983049 JZF983048:JZH983049 JPJ983048:JPL983049 JFN983048:JFP983049 IVR983048:IVT983049 ILV983048:ILX983049 IBZ983048:ICB983049 HSD983048:HSF983049 HIH983048:HIJ983049 GYL983048:GYN983049 GOP983048:GOR983049 GET983048:GEV983049 FUX983048:FUZ983049 FLB983048:FLD983049 FBF983048:FBH983049 ERJ983048:ERL983049 EHN983048:EHP983049 DXR983048:DXT983049 DNV983048:DNX983049 DDZ983048:DEB983049 CUD983048:CUF983049 CKH983048:CKJ983049 CAL983048:CAN983049 BQP983048:BQR983049 BGT983048:BGV983049 AWX983048:AWZ983049 ANB983048:AND983049 ADF983048:ADH983049 TJ983048:TL983049 JN983048:JP983049 S983048:U983049 WVZ917512:WWB917513 WMD917512:WMF917513 WCH917512:WCJ917513 VSL917512:VSN917513 VIP917512:VIR917513 UYT917512:UYV917513 UOX917512:UOZ917513 UFB917512:UFD917513 TVF917512:TVH917513 TLJ917512:TLL917513 TBN917512:TBP917513 SRR917512:SRT917513 SHV917512:SHX917513 RXZ917512:RYB917513 ROD917512:ROF917513 REH917512:REJ917513 QUL917512:QUN917513 QKP917512:QKR917513 QAT917512:QAV917513 PQX917512:PQZ917513 PHB917512:PHD917513 OXF917512:OXH917513 ONJ917512:ONL917513 ODN917512:ODP917513 NTR917512:NTT917513 NJV917512:NJX917513 MZZ917512:NAB917513 MQD917512:MQF917513 MGH917512:MGJ917513 LWL917512:LWN917513 LMP917512:LMR917513 LCT917512:LCV917513 KSX917512:KSZ917513 KJB917512:KJD917513 JZF917512:JZH917513 JPJ917512:JPL917513 JFN917512:JFP917513 IVR917512:IVT917513 ILV917512:ILX917513 IBZ917512:ICB917513 HSD917512:HSF917513 HIH917512:HIJ917513 GYL917512:GYN917513 GOP917512:GOR917513 GET917512:GEV917513 FUX917512:FUZ917513 FLB917512:FLD917513 FBF917512:FBH917513 ERJ917512:ERL917513 EHN917512:EHP917513 DXR917512:DXT917513 DNV917512:DNX917513 DDZ917512:DEB917513 CUD917512:CUF917513 CKH917512:CKJ917513 CAL917512:CAN917513 BQP917512:BQR917513 BGT917512:BGV917513 AWX917512:AWZ917513 ANB917512:AND917513 ADF917512:ADH917513 TJ917512:TL917513 JN917512:JP917513 S917512:U917513 WVZ851976:WWB851977 WMD851976:WMF851977 WCH851976:WCJ851977 VSL851976:VSN851977 VIP851976:VIR851977 UYT851976:UYV851977 UOX851976:UOZ851977 UFB851976:UFD851977 TVF851976:TVH851977 TLJ851976:TLL851977 TBN851976:TBP851977 SRR851976:SRT851977 SHV851976:SHX851977 RXZ851976:RYB851977 ROD851976:ROF851977 REH851976:REJ851977 QUL851976:QUN851977 QKP851976:QKR851977 QAT851976:QAV851977 PQX851976:PQZ851977 PHB851976:PHD851977 OXF851976:OXH851977 ONJ851976:ONL851977 ODN851976:ODP851977 NTR851976:NTT851977 NJV851976:NJX851977 MZZ851976:NAB851977 MQD851976:MQF851977 MGH851976:MGJ851977 LWL851976:LWN851977 LMP851976:LMR851977 LCT851976:LCV851977 KSX851976:KSZ851977 KJB851976:KJD851977 JZF851976:JZH851977 JPJ851976:JPL851977 JFN851976:JFP851977 IVR851976:IVT851977 ILV851976:ILX851977 IBZ851976:ICB851977 HSD851976:HSF851977 HIH851976:HIJ851977 GYL851976:GYN851977 GOP851976:GOR851977 GET851976:GEV851977 FUX851976:FUZ851977 FLB851976:FLD851977 FBF851976:FBH851977 ERJ851976:ERL851977 EHN851976:EHP851977 DXR851976:DXT851977 DNV851976:DNX851977 DDZ851976:DEB851977 CUD851976:CUF851977 CKH851976:CKJ851977 CAL851976:CAN851977 BQP851976:BQR851977 BGT851976:BGV851977 AWX851976:AWZ851977 ANB851976:AND851977 ADF851976:ADH851977 TJ851976:TL851977 JN851976:JP851977 S851976:U851977 WVZ786440:WWB786441 WMD786440:WMF786441 WCH786440:WCJ786441 VSL786440:VSN786441 VIP786440:VIR786441 UYT786440:UYV786441 UOX786440:UOZ786441 UFB786440:UFD786441 TVF786440:TVH786441 TLJ786440:TLL786441 TBN786440:TBP786441 SRR786440:SRT786441 SHV786440:SHX786441 RXZ786440:RYB786441 ROD786440:ROF786441 REH786440:REJ786441 QUL786440:QUN786441 QKP786440:QKR786441 QAT786440:QAV786441 PQX786440:PQZ786441 PHB786440:PHD786441 OXF786440:OXH786441 ONJ786440:ONL786441 ODN786440:ODP786441 NTR786440:NTT786441 NJV786440:NJX786441 MZZ786440:NAB786441 MQD786440:MQF786441 MGH786440:MGJ786441 LWL786440:LWN786441 LMP786440:LMR786441 LCT786440:LCV786441 KSX786440:KSZ786441 KJB786440:KJD786441 JZF786440:JZH786441 JPJ786440:JPL786441 JFN786440:JFP786441 IVR786440:IVT786441 ILV786440:ILX786441 IBZ786440:ICB786441 HSD786440:HSF786441 HIH786440:HIJ786441 GYL786440:GYN786441 GOP786440:GOR786441 GET786440:GEV786441 FUX786440:FUZ786441 FLB786440:FLD786441 FBF786440:FBH786441 ERJ786440:ERL786441 EHN786440:EHP786441 DXR786440:DXT786441 DNV786440:DNX786441 DDZ786440:DEB786441 CUD786440:CUF786441 CKH786440:CKJ786441 CAL786440:CAN786441 BQP786440:BQR786441 BGT786440:BGV786441 AWX786440:AWZ786441 ANB786440:AND786441 ADF786440:ADH786441 TJ786440:TL786441 JN786440:JP786441 S786440:U786441 WVZ720904:WWB720905 WMD720904:WMF720905 WCH720904:WCJ720905 VSL720904:VSN720905 VIP720904:VIR720905 UYT720904:UYV720905 UOX720904:UOZ720905 UFB720904:UFD720905 TVF720904:TVH720905 TLJ720904:TLL720905 TBN720904:TBP720905 SRR720904:SRT720905 SHV720904:SHX720905 RXZ720904:RYB720905 ROD720904:ROF720905 REH720904:REJ720905 QUL720904:QUN720905 QKP720904:QKR720905 QAT720904:QAV720905 PQX720904:PQZ720905 PHB720904:PHD720905 OXF720904:OXH720905 ONJ720904:ONL720905 ODN720904:ODP720905 NTR720904:NTT720905 NJV720904:NJX720905 MZZ720904:NAB720905 MQD720904:MQF720905 MGH720904:MGJ720905 LWL720904:LWN720905 LMP720904:LMR720905 LCT720904:LCV720905 KSX720904:KSZ720905 KJB720904:KJD720905 JZF720904:JZH720905 JPJ720904:JPL720905 JFN720904:JFP720905 IVR720904:IVT720905 ILV720904:ILX720905 IBZ720904:ICB720905 HSD720904:HSF720905 HIH720904:HIJ720905 GYL720904:GYN720905 GOP720904:GOR720905 GET720904:GEV720905 FUX720904:FUZ720905 FLB720904:FLD720905 FBF720904:FBH720905 ERJ720904:ERL720905 EHN720904:EHP720905 DXR720904:DXT720905 DNV720904:DNX720905 DDZ720904:DEB720905 CUD720904:CUF720905 CKH720904:CKJ720905 CAL720904:CAN720905 BQP720904:BQR720905 BGT720904:BGV720905 AWX720904:AWZ720905 ANB720904:AND720905 ADF720904:ADH720905 TJ720904:TL720905 JN720904:JP720905 S720904:U720905 WVZ655368:WWB655369 WMD655368:WMF655369 WCH655368:WCJ655369 VSL655368:VSN655369 VIP655368:VIR655369 UYT655368:UYV655369 UOX655368:UOZ655369 UFB655368:UFD655369 TVF655368:TVH655369 TLJ655368:TLL655369 TBN655368:TBP655369 SRR655368:SRT655369 SHV655368:SHX655369 RXZ655368:RYB655369 ROD655368:ROF655369 REH655368:REJ655369 QUL655368:QUN655369 QKP655368:QKR655369 QAT655368:QAV655369 PQX655368:PQZ655369 PHB655368:PHD655369 OXF655368:OXH655369 ONJ655368:ONL655369 ODN655368:ODP655369 NTR655368:NTT655369 NJV655368:NJX655369 MZZ655368:NAB655369 MQD655368:MQF655369 MGH655368:MGJ655369 LWL655368:LWN655369 LMP655368:LMR655369 LCT655368:LCV655369 KSX655368:KSZ655369 KJB655368:KJD655369 JZF655368:JZH655369 JPJ655368:JPL655369 JFN655368:JFP655369 IVR655368:IVT655369 ILV655368:ILX655369 IBZ655368:ICB655369 HSD655368:HSF655369 HIH655368:HIJ655369 GYL655368:GYN655369 GOP655368:GOR655369 GET655368:GEV655369 FUX655368:FUZ655369 FLB655368:FLD655369 FBF655368:FBH655369 ERJ655368:ERL655369 EHN655368:EHP655369 DXR655368:DXT655369 DNV655368:DNX655369 DDZ655368:DEB655369 CUD655368:CUF655369 CKH655368:CKJ655369 CAL655368:CAN655369 BQP655368:BQR655369 BGT655368:BGV655369 AWX655368:AWZ655369 ANB655368:AND655369 ADF655368:ADH655369 TJ655368:TL655369 JN655368:JP655369 S655368:U655369 WVZ589832:WWB589833 WMD589832:WMF589833 WCH589832:WCJ589833 VSL589832:VSN589833 VIP589832:VIR589833 UYT589832:UYV589833 UOX589832:UOZ589833 UFB589832:UFD589833 TVF589832:TVH589833 TLJ589832:TLL589833 TBN589832:TBP589833 SRR589832:SRT589833 SHV589832:SHX589833 RXZ589832:RYB589833 ROD589832:ROF589833 REH589832:REJ589833 QUL589832:QUN589833 QKP589832:QKR589833 QAT589832:QAV589833 PQX589832:PQZ589833 PHB589832:PHD589833 OXF589832:OXH589833 ONJ589832:ONL589833 ODN589832:ODP589833 NTR589832:NTT589833 NJV589832:NJX589833 MZZ589832:NAB589833 MQD589832:MQF589833 MGH589832:MGJ589833 LWL589832:LWN589833 LMP589832:LMR589833 LCT589832:LCV589833 KSX589832:KSZ589833 KJB589832:KJD589833 JZF589832:JZH589833 JPJ589832:JPL589833 JFN589832:JFP589833 IVR589832:IVT589833 ILV589832:ILX589833 IBZ589832:ICB589833 HSD589832:HSF589833 HIH589832:HIJ589833 GYL589832:GYN589833 GOP589832:GOR589833 GET589832:GEV589833 FUX589832:FUZ589833 FLB589832:FLD589833 FBF589832:FBH589833 ERJ589832:ERL589833 EHN589832:EHP589833 DXR589832:DXT589833 DNV589832:DNX589833 DDZ589832:DEB589833 CUD589832:CUF589833 CKH589832:CKJ589833 CAL589832:CAN589833 BQP589832:BQR589833 BGT589832:BGV589833 AWX589832:AWZ589833 ANB589832:AND589833 ADF589832:ADH589833 TJ589832:TL589833 JN589832:JP589833 S589832:U589833 WVZ524296:WWB524297 WMD524296:WMF524297 WCH524296:WCJ524297 VSL524296:VSN524297 VIP524296:VIR524297 UYT524296:UYV524297 UOX524296:UOZ524297 UFB524296:UFD524297 TVF524296:TVH524297 TLJ524296:TLL524297 TBN524296:TBP524297 SRR524296:SRT524297 SHV524296:SHX524297 RXZ524296:RYB524297 ROD524296:ROF524297 REH524296:REJ524297 QUL524296:QUN524297 QKP524296:QKR524297 QAT524296:QAV524297 PQX524296:PQZ524297 PHB524296:PHD524297 OXF524296:OXH524297 ONJ524296:ONL524297 ODN524296:ODP524297 NTR524296:NTT524297 NJV524296:NJX524297 MZZ524296:NAB524297 MQD524296:MQF524297 MGH524296:MGJ524297 LWL524296:LWN524297 LMP524296:LMR524297 LCT524296:LCV524297 KSX524296:KSZ524297 KJB524296:KJD524297 JZF524296:JZH524297 JPJ524296:JPL524297 JFN524296:JFP524297 IVR524296:IVT524297 ILV524296:ILX524297 IBZ524296:ICB524297 HSD524296:HSF524297 HIH524296:HIJ524297 GYL524296:GYN524297 GOP524296:GOR524297 GET524296:GEV524297 FUX524296:FUZ524297 FLB524296:FLD524297 FBF524296:FBH524297 ERJ524296:ERL524297 EHN524296:EHP524297 DXR524296:DXT524297 DNV524296:DNX524297 DDZ524296:DEB524297 CUD524296:CUF524297 CKH524296:CKJ524297 CAL524296:CAN524297 BQP524296:BQR524297 BGT524296:BGV524297 AWX524296:AWZ524297 ANB524296:AND524297 ADF524296:ADH524297 TJ524296:TL524297 JN524296:JP524297 S524296:U524297 WVZ458760:WWB458761 WMD458760:WMF458761 WCH458760:WCJ458761 VSL458760:VSN458761 VIP458760:VIR458761 UYT458760:UYV458761 UOX458760:UOZ458761 UFB458760:UFD458761 TVF458760:TVH458761 TLJ458760:TLL458761 TBN458760:TBP458761 SRR458760:SRT458761 SHV458760:SHX458761 RXZ458760:RYB458761 ROD458760:ROF458761 REH458760:REJ458761 QUL458760:QUN458761 QKP458760:QKR458761 QAT458760:QAV458761 PQX458760:PQZ458761 PHB458760:PHD458761 OXF458760:OXH458761 ONJ458760:ONL458761 ODN458760:ODP458761 NTR458760:NTT458761 NJV458760:NJX458761 MZZ458760:NAB458761 MQD458760:MQF458761 MGH458760:MGJ458761 LWL458760:LWN458761 LMP458760:LMR458761 LCT458760:LCV458761 KSX458760:KSZ458761 KJB458760:KJD458761 JZF458760:JZH458761 JPJ458760:JPL458761 JFN458760:JFP458761 IVR458760:IVT458761 ILV458760:ILX458761 IBZ458760:ICB458761 HSD458760:HSF458761 HIH458760:HIJ458761 GYL458760:GYN458761 GOP458760:GOR458761 GET458760:GEV458761 FUX458760:FUZ458761 FLB458760:FLD458761 FBF458760:FBH458761 ERJ458760:ERL458761 EHN458760:EHP458761 DXR458760:DXT458761 DNV458760:DNX458761 DDZ458760:DEB458761 CUD458760:CUF458761 CKH458760:CKJ458761 CAL458760:CAN458761 BQP458760:BQR458761 BGT458760:BGV458761 AWX458760:AWZ458761 ANB458760:AND458761 ADF458760:ADH458761 TJ458760:TL458761 JN458760:JP458761 S458760:U458761 WVZ393224:WWB393225 WMD393224:WMF393225 WCH393224:WCJ393225 VSL393224:VSN393225 VIP393224:VIR393225 UYT393224:UYV393225 UOX393224:UOZ393225 UFB393224:UFD393225 TVF393224:TVH393225 TLJ393224:TLL393225 TBN393224:TBP393225 SRR393224:SRT393225 SHV393224:SHX393225 RXZ393224:RYB393225 ROD393224:ROF393225 REH393224:REJ393225 QUL393224:QUN393225 QKP393224:QKR393225 QAT393224:QAV393225 PQX393224:PQZ393225 PHB393224:PHD393225 OXF393224:OXH393225 ONJ393224:ONL393225 ODN393224:ODP393225 NTR393224:NTT393225 NJV393224:NJX393225 MZZ393224:NAB393225 MQD393224:MQF393225 MGH393224:MGJ393225 LWL393224:LWN393225 LMP393224:LMR393225 LCT393224:LCV393225 KSX393224:KSZ393225 KJB393224:KJD393225 JZF393224:JZH393225 JPJ393224:JPL393225 JFN393224:JFP393225 IVR393224:IVT393225 ILV393224:ILX393225 IBZ393224:ICB393225 HSD393224:HSF393225 HIH393224:HIJ393225 GYL393224:GYN393225 GOP393224:GOR393225 GET393224:GEV393225 FUX393224:FUZ393225 FLB393224:FLD393225 FBF393224:FBH393225 ERJ393224:ERL393225 EHN393224:EHP393225 DXR393224:DXT393225 DNV393224:DNX393225 DDZ393224:DEB393225 CUD393224:CUF393225 CKH393224:CKJ393225 CAL393224:CAN393225 BQP393224:BQR393225 BGT393224:BGV393225 AWX393224:AWZ393225 ANB393224:AND393225 ADF393224:ADH393225 TJ393224:TL393225 JN393224:JP393225 S393224:U393225 WVZ327688:WWB327689 WMD327688:WMF327689 WCH327688:WCJ327689 VSL327688:VSN327689 VIP327688:VIR327689 UYT327688:UYV327689 UOX327688:UOZ327689 UFB327688:UFD327689 TVF327688:TVH327689 TLJ327688:TLL327689 TBN327688:TBP327689 SRR327688:SRT327689 SHV327688:SHX327689 RXZ327688:RYB327689 ROD327688:ROF327689 REH327688:REJ327689 QUL327688:QUN327689 QKP327688:QKR327689 QAT327688:QAV327689 PQX327688:PQZ327689 PHB327688:PHD327689 OXF327688:OXH327689 ONJ327688:ONL327689 ODN327688:ODP327689 NTR327688:NTT327689 NJV327688:NJX327689 MZZ327688:NAB327689 MQD327688:MQF327689 MGH327688:MGJ327689 LWL327688:LWN327689 LMP327688:LMR327689 LCT327688:LCV327689 KSX327688:KSZ327689 KJB327688:KJD327689 JZF327688:JZH327689 JPJ327688:JPL327689 JFN327688:JFP327689 IVR327688:IVT327689 ILV327688:ILX327689 IBZ327688:ICB327689 HSD327688:HSF327689 HIH327688:HIJ327689 GYL327688:GYN327689 GOP327688:GOR327689 GET327688:GEV327689 FUX327688:FUZ327689 FLB327688:FLD327689 FBF327688:FBH327689 ERJ327688:ERL327689 EHN327688:EHP327689 DXR327688:DXT327689 DNV327688:DNX327689 DDZ327688:DEB327689 CUD327688:CUF327689 CKH327688:CKJ327689 CAL327688:CAN327689 BQP327688:BQR327689 BGT327688:BGV327689 AWX327688:AWZ327689 ANB327688:AND327689 ADF327688:ADH327689 TJ327688:TL327689 JN327688:JP327689 S327688:U327689 WVZ262152:WWB262153 WMD262152:WMF262153 WCH262152:WCJ262153 VSL262152:VSN262153 VIP262152:VIR262153 UYT262152:UYV262153 UOX262152:UOZ262153 UFB262152:UFD262153 TVF262152:TVH262153 TLJ262152:TLL262153 TBN262152:TBP262153 SRR262152:SRT262153 SHV262152:SHX262153 RXZ262152:RYB262153 ROD262152:ROF262153 REH262152:REJ262153 QUL262152:QUN262153 QKP262152:QKR262153 QAT262152:QAV262153 PQX262152:PQZ262153 PHB262152:PHD262153 OXF262152:OXH262153 ONJ262152:ONL262153 ODN262152:ODP262153 NTR262152:NTT262153 NJV262152:NJX262153 MZZ262152:NAB262153 MQD262152:MQF262153 MGH262152:MGJ262153 LWL262152:LWN262153 LMP262152:LMR262153 LCT262152:LCV262153 KSX262152:KSZ262153 KJB262152:KJD262153 JZF262152:JZH262153 JPJ262152:JPL262153 JFN262152:JFP262153 IVR262152:IVT262153 ILV262152:ILX262153 IBZ262152:ICB262153 HSD262152:HSF262153 HIH262152:HIJ262153 GYL262152:GYN262153 GOP262152:GOR262153 GET262152:GEV262153 FUX262152:FUZ262153 FLB262152:FLD262153 FBF262152:FBH262153 ERJ262152:ERL262153 EHN262152:EHP262153 DXR262152:DXT262153 DNV262152:DNX262153 DDZ262152:DEB262153 CUD262152:CUF262153 CKH262152:CKJ262153 CAL262152:CAN262153 BQP262152:BQR262153 BGT262152:BGV262153 AWX262152:AWZ262153 ANB262152:AND262153 ADF262152:ADH262153 TJ262152:TL262153 JN262152:JP262153 S262152:U262153 WVZ196616:WWB196617 WMD196616:WMF196617 WCH196616:WCJ196617 VSL196616:VSN196617 VIP196616:VIR196617 UYT196616:UYV196617 UOX196616:UOZ196617 UFB196616:UFD196617 TVF196616:TVH196617 TLJ196616:TLL196617 TBN196616:TBP196617 SRR196616:SRT196617 SHV196616:SHX196617 RXZ196616:RYB196617 ROD196616:ROF196617 REH196616:REJ196617 QUL196616:QUN196617 QKP196616:QKR196617 QAT196616:QAV196617 PQX196616:PQZ196617 PHB196616:PHD196617 OXF196616:OXH196617 ONJ196616:ONL196617 ODN196616:ODP196617 NTR196616:NTT196617 NJV196616:NJX196617 MZZ196616:NAB196617 MQD196616:MQF196617 MGH196616:MGJ196617 LWL196616:LWN196617 LMP196616:LMR196617 LCT196616:LCV196617 KSX196616:KSZ196617 KJB196616:KJD196617 JZF196616:JZH196617 JPJ196616:JPL196617 JFN196616:JFP196617 IVR196616:IVT196617 ILV196616:ILX196617 IBZ196616:ICB196617 HSD196616:HSF196617 HIH196616:HIJ196617 GYL196616:GYN196617 GOP196616:GOR196617 GET196616:GEV196617 FUX196616:FUZ196617 FLB196616:FLD196617 FBF196616:FBH196617 ERJ196616:ERL196617 EHN196616:EHP196617 DXR196616:DXT196617 DNV196616:DNX196617 DDZ196616:DEB196617 CUD196616:CUF196617 CKH196616:CKJ196617 CAL196616:CAN196617 BQP196616:BQR196617 BGT196616:BGV196617 AWX196616:AWZ196617 ANB196616:AND196617 ADF196616:ADH196617 TJ196616:TL196617 JN196616:JP196617 S196616:U196617 WVZ131080:WWB131081 WMD131080:WMF131081 WCH131080:WCJ131081 VSL131080:VSN131081 VIP131080:VIR131081 UYT131080:UYV131081 UOX131080:UOZ131081 UFB131080:UFD131081 TVF131080:TVH131081 TLJ131080:TLL131081 TBN131080:TBP131081 SRR131080:SRT131081 SHV131080:SHX131081 RXZ131080:RYB131081 ROD131080:ROF131081 REH131080:REJ131081 QUL131080:QUN131081 QKP131080:QKR131081 QAT131080:QAV131081 PQX131080:PQZ131081 PHB131080:PHD131081 OXF131080:OXH131081 ONJ131080:ONL131081 ODN131080:ODP131081 NTR131080:NTT131081 NJV131080:NJX131081 MZZ131080:NAB131081 MQD131080:MQF131081 MGH131080:MGJ131081 LWL131080:LWN131081 LMP131080:LMR131081 LCT131080:LCV131081 KSX131080:KSZ131081 KJB131080:KJD131081 JZF131080:JZH131081 JPJ131080:JPL131081 JFN131080:JFP131081 IVR131080:IVT131081 ILV131080:ILX131081 IBZ131080:ICB131081 HSD131080:HSF131081 HIH131080:HIJ131081 GYL131080:GYN131081 GOP131080:GOR131081 GET131080:GEV131081 FUX131080:FUZ131081 FLB131080:FLD131081 FBF131080:FBH131081 ERJ131080:ERL131081 EHN131080:EHP131081 DXR131080:DXT131081 DNV131080:DNX131081 DDZ131080:DEB131081 CUD131080:CUF131081 CKH131080:CKJ131081 CAL131080:CAN131081 BQP131080:BQR131081 BGT131080:BGV131081 AWX131080:AWZ131081 ANB131080:AND131081 ADF131080:ADH131081 TJ131080:TL131081 JN131080:JP131081 S131080:U131081 WVZ65544:WWB65545 WMD65544:WMF65545 WCH65544:WCJ65545 VSL65544:VSN65545 VIP65544:VIR65545 UYT65544:UYV65545 UOX65544:UOZ65545 UFB65544:UFD65545 TVF65544:TVH65545 TLJ65544:TLL65545 TBN65544:TBP65545 SRR65544:SRT65545 SHV65544:SHX65545 RXZ65544:RYB65545 ROD65544:ROF65545 REH65544:REJ65545 QUL65544:QUN65545 QKP65544:QKR65545 QAT65544:QAV65545 PQX65544:PQZ65545 PHB65544:PHD65545 OXF65544:OXH65545 ONJ65544:ONL65545 ODN65544:ODP65545 NTR65544:NTT65545 NJV65544:NJX65545 MZZ65544:NAB65545 MQD65544:MQF65545 MGH65544:MGJ65545 LWL65544:LWN65545 LMP65544:LMR65545 LCT65544:LCV65545 KSX65544:KSZ65545 KJB65544:KJD65545 JZF65544:JZH65545 JPJ65544:JPL65545 JFN65544:JFP65545 IVR65544:IVT65545 ILV65544:ILX65545 IBZ65544:ICB65545 HSD65544:HSF65545 HIH65544:HIJ65545 GYL65544:GYN65545 GOP65544:GOR65545 GET65544:GEV65545 FUX65544:FUZ65545 FLB65544:FLD65545 FBF65544:FBH65545 ERJ65544:ERL65545 EHN65544:EHP65545 DXR65544:DXT65545 DNV65544:DNX65545 DDZ65544:DEB65545 CUD65544:CUF65545 CKH65544:CKJ65545 CAL65544:CAN65545 BQP65544:BQR65545 BGT65544:BGV65545 AWX65544:AWZ65545 ANB65544:AND65545 ADF65544:ADH65545 TJ65544:TL65545 JN65544:JP65545 S65544:U65545 WVZ8:WWB9 WMD8:WMF9 WCH8:WCJ9 VSL8:VSN9 VIP8:VIR9 UYT8:UYV9 UOX8:UOZ9 UFB8:UFD9 TVF8:TVH9 TLJ8:TLL9 TBN8:TBP9 SRR8:SRT9 SHV8:SHX9 RXZ8:RYB9 ROD8:ROF9 REH8:REJ9 QUL8:QUN9 QKP8:QKR9 QAT8:QAV9 PQX8:PQZ9 PHB8:PHD9 OXF8:OXH9 ONJ8:ONL9 ODN8:ODP9 NTR8:NTT9 NJV8:NJX9 MZZ8:NAB9 MQD8:MQF9 MGH8:MGJ9 LWL8:LWN9 LMP8:LMR9 LCT8:LCV9 KSX8:KSZ9 KJB8:KJD9 JZF8:JZH9 JPJ8:JPL9 JFN8:JFP9 IVR8:IVT9 ILV8:ILX9 IBZ8:ICB9 HSD8:HSF9 HIH8:HIJ9 GYL8:GYN9 GOP8:GOR9 GET8:GEV9 FUX8:FUZ9 FLB8:FLD9 FBF8:FBH9 ERJ8:ERL9 EHN8:EHP9 DXR8:DXT9 DNV8:DNX9 DDZ8:DEB9 CUD8:CUF9 CKH8:CKJ9 CAL8:CAN9 BQP8:BQR9 BGT8:BGV9 AWX8:AWZ9 ANB8:AND9 ADF8:ADH9 TJ8:TL9 JN8:JP9 N14:Q15 WVK983048:WVS983049 WLO983048:WLW983049 WBS983048:WCA983049 VRW983048:VSE983049 VIA983048:VII983049 UYE983048:UYM983049 UOI983048:UOQ983049 UEM983048:UEU983049 TUQ983048:TUY983049 TKU983048:TLC983049 TAY983048:TBG983049 SRC983048:SRK983049 SHG983048:SHO983049 RXK983048:RXS983049 RNO983048:RNW983049 RDS983048:REA983049 QTW983048:QUE983049 QKA983048:QKI983049 QAE983048:QAM983049 PQI983048:PQQ983049 PGM983048:PGU983049 OWQ983048:OWY983049 OMU983048:ONC983049 OCY983048:ODG983049 NTC983048:NTK983049 NJG983048:NJO983049 MZK983048:MZS983049 MPO983048:MPW983049 MFS983048:MGA983049 LVW983048:LWE983049 LMA983048:LMI983049 LCE983048:LCM983049 KSI983048:KSQ983049 KIM983048:KIU983049 JYQ983048:JYY983049 JOU983048:JPC983049 JEY983048:JFG983049 IVC983048:IVK983049 ILG983048:ILO983049 IBK983048:IBS983049 HRO983048:HRW983049 HHS983048:HIA983049 GXW983048:GYE983049 GOA983048:GOI983049 GEE983048:GEM983049 FUI983048:FUQ983049 FKM983048:FKU983049 FAQ983048:FAY983049 EQU983048:ERC983049 EGY983048:EHG983049 DXC983048:DXK983049 DNG983048:DNO983049 DDK983048:DDS983049 CTO983048:CTW983049 CJS983048:CKA983049 BZW983048:CAE983049 BQA983048:BQI983049 BGE983048:BGM983049 AWI983048:AWQ983049 AMM983048:AMU983049 ACQ983048:ACY983049 SU983048:TC983049 IY983048:JG983049 E11:L12 WVK917512:WVS917513 WLO917512:WLW917513 WBS917512:WCA917513 VRW917512:VSE917513 VIA917512:VII917513 UYE917512:UYM917513 UOI917512:UOQ917513 UEM917512:UEU917513 TUQ917512:TUY917513 TKU917512:TLC917513 TAY917512:TBG917513 SRC917512:SRK917513 SHG917512:SHO917513 RXK917512:RXS917513 RNO917512:RNW917513 RDS917512:REA917513 QTW917512:QUE917513 QKA917512:QKI917513 QAE917512:QAM917513 PQI917512:PQQ917513 PGM917512:PGU917513 OWQ917512:OWY917513 OMU917512:ONC917513 OCY917512:ODG917513 NTC917512:NTK917513 NJG917512:NJO917513 MZK917512:MZS917513 MPO917512:MPW917513 MFS917512:MGA917513 LVW917512:LWE917513 LMA917512:LMI917513 LCE917512:LCM917513 KSI917512:KSQ917513 KIM917512:KIU917513 JYQ917512:JYY917513 JOU917512:JPC917513 JEY917512:JFG917513 IVC917512:IVK917513 ILG917512:ILO917513 IBK917512:IBS917513 HRO917512:HRW917513 HHS917512:HIA917513 GXW917512:GYE917513 GOA917512:GOI917513 GEE917512:GEM917513 FUI917512:FUQ917513 FKM917512:FKU917513 FAQ917512:FAY917513 EQU917512:ERC917513 EGY917512:EHG917513 DXC917512:DXK917513 DNG917512:DNO917513 DDK917512:DDS917513 CTO917512:CTW917513 CJS917512:CKA917513 BZW917512:CAE917513 BQA917512:BQI917513 BGE917512:BGM917513 AWI917512:AWQ917513 AMM917512:AMU917513 ACQ917512:ACY917513 SU917512:TC917513 IY917512:JG917513 E983048:L983049 WVK851976:WVS851977 WLO851976:WLW851977 WBS851976:WCA851977 VRW851976:VSE851977 VIA851976:VII851977 UYE851976:UYM851977 UOI851976:UOQ851977 UEM851976:UEU851977 TUQ851976:TUY851977 TKU851976:TLC851977 TAY851976:TBG851977 SRC851976:SRK851977 SHG851976:SHO851977 RXK851976:RXS851977 RNO851976:RNW851977 RDS851976:REA851977 QTW851976:QUE851977 QKA851976:QKI851977 QAE851976:QAM851977 PQI851976:PQQ851977 PGM851976:PGU851977 OWQ851976:OWY851977 OMU851976:ONC851977 OCY851976:ODG851977 NTC851976:NTK851977 NJG851976:NJO851977 MZK851976:MZS851977 MPO851976:MPW851977 MFS851976:MGA851977 LVW851976:LWE851977 LMA851976:LMI851977 LCE851976:LCM851977 KSI851976:KSQ851977 KIM851976:KIU851977 JYQ851976:JYY851977 JOU851976:JPC851977 JEY851976:JFG851977 IVC851976:IVK851977 ILG851976:ILO851977 IBK851976:IBS851977 HRO851976:HRW851977 HHS851976:HIA851977 GXW851976:GYE851977 GOA851976:GOI851977 GEE851976:GEM851977 FUI851976:FUQ851977 FKM851976:FKU851977 FAQ851976:FAY851977 EQU851976:ERC851977 EGY851976:EHG851977 DXC851976:DXK851977 DNG851976:DNO851977 DDK851976:DDS851977 CTO851976:CTW851977 CJS851976:CKA851977 BZW851976:CAE851977 BQA851976:BQI851977 BGE851976:BGM851977 AWI851976:AWQ851977 AMM851976:AMU851977 ACQ851976:ACY851977 SU851976:TC851977 IY851976:JG851977 E917512:L917513 WVK786440:WVS786441 WLO786440:WLW786441 WBS786440:WCA786441 VRW786440:VSE786441 VIA786440:VII786441 UYE786440:UYM786441 UOI786440:UOQ786441 UEM786440:UEU786441 TUQ786440:TUY786441 TKU786440:TLC786441 TAY786440:TBG786441 SRC786440:SRK786441 SHG786440:SHO786441 RXK786440:RXS786441 RNO786440:RNW786441 RDS786440:REA786441 QTW786440:QUE786441 QKA786440:QKI786441 QAE786440:QAM786441 PQI786440:PQQ786441 PGM786440:PGU786441 OWQ786440:OWY786441 OMU786440:ONC786441 OCY786440:ODG786441 NTC786440:NTK786441 NJG786440:NJO786441 MZK786440:MZS786441 MPO786440:MPW786441 MFS786440:MGA786441 LVW786440:LWE786441 LMA786440:LMI786441 LCE786440:LCM786441 KSI786440:KSQ786441 KIM786440:KIU786441 JYQ786440:JYY786441 JOU786440:JPC786441 JEY786440:JFG786441 IVC786440:IVK786441 ILG786440:ILO786441 IBK786440:IBS786441 HRO786440:HRW786441 HHS786440:HIA786441 GXW786440:GYE786441 GOA786440:GOI786441 GEE786440:GEM786441 FUI786440:FUQ786441 FKM786440:FKU786441 FAQ786440:FAY786441 EQU786440:ERC786441 EGY786440:EHG786441 DXC786440:DXK786441 DNG786440:DNO786441 DDK786440:DDS786441 CTO786440:CTW786441 CJS786440:CKA786441 BZW786440:CAE786441 BQA786440:BQI786441 BGE786440:BGM786441 AWI786440:AWQ786441 AMM786440:AMU786441 ACQ786440:ACY786441 SU786440:TC786441 IY786440:JG786441 E851976:L851977 WVK720904:WVS720905 WLO720904:WLW720905 WBS720904:WCA720905 VRW720904:VSE720905 VIA720904:VII720905 UYE720904:UYM720905 UOI720904:UOQ720905 UEM720904:UEU720905 TUQ720904:TUY720905 TKU720904:TLC720905 TAY720904:TBG720905 SRC720904:SRK720905 SHG720904:SHO720905 RXK720904:RXS720905 RNO720904:RNW720905 RDS720904:REA720905 QTW720904:QUE720905 QKA720904:QKI720905 QAE720904:QAM720905 PQI720904:PQQ720905 PGM720904:PGU720905 OWQ720904:OWY720905 OMU720904:ONC720905 OCY720904:ODG720905 NTC720904:NTK720905 NJG720904:NJO720905 MZK720904:MZS720905 MPO720904:MPW720905 MFS720904:MGA720905 LVW720904:LWE720905 LMA720904:LMI720905 LCE720904:LCM720905 KSI720904:KSQ720905 KIM720904:KIU720905 JYQ720904:JYY720905 JOU720904:JPC720905 JEY720904:JFG720905 IVC720904:IVK720905 ILG720904:ILO720905 IBK720904:IBS720905 HRO720904:HRW720905 HHS720904:HIA720905 GXW720904:GYE720905 GOA720904:GOI720905 GEE720904:GEM720905 FUI720904:FUQ720905 FKM720904:FKU720905 FAQ720904:FAY720905 EQU720904:ERC720905 EGY720904:EHG720905 DXC720904:DXK720905 DNG720904:DNO720905 DDK720904:DDS720905 CTO720904:CTW720905 CJS720904:CKA720905 BZW720904:CAE720905 BQA720904:BQI720905 BGE720904:BGM720905 AWI720904:AWQ720905 AMM720904:AMU720905 ACQ720904:ACY720905 SU720904:TC720905 IY720904:JG720905 E786440:L786441 WVK655368:WVS655369 WLO655368:WLW655369 WBS655368:WCA655369 VRW655368:VSE655369 VIA655368:VII655369 UYE655368:UYM655369 UOI655368:UOQ655369 UEM655368:UEU655369 TUQ655368:TUY655369 TKU655368:TLC655369 TAY655368:TBG655369 SRC655368:SRK655369 SHG655368:SHO655369 RXK655368:RXS655369 RNO655368:RNW655369 RDS655368:REA655369 QTW655368:QUE655369 QKA655368:QKI655369 QAE655368:QAM655369 PQI655368:PQQ655369 PGM655368:PGU655369 OWQ655368:OWY655369 OMU655368:ONC655369 OCY655368:ODG655369 NTC655368:NTK655369 NJG655368:NJO655369 MZK655368:MZS655369 MPO655368:MPW655369 MFS655368:MGA655369 LVW655368:LWE655369 LMA655368:LMI655369 LCE655368:LCM655369 KSI655368:KSQ655369 KIM655368:KIU655369 JYQ655368:JYY655369 JOU655368:JPC655369 JEY655368:JFG655369 IVC655368:IVK655369 ILG655368:ILO655369 IBK655368:IBS655369 HRO655368:HRW655369 HHS655368:HIA655369 GXW655368:GYE655369 GOA655368:GOI655369 GEE655368:GEM655369 FUI655368:FUQ655369 FKM655368:FKU655369 FAQ655368:FAY655369 EQU655368:ERC655369 EGY655368:EHG655369 DXC655368:DXK655369 DNG655368:DNO655369 DDK655368:DDS655369 CTO655368:CTW655369 CJS655368:CKA655369 BZW655368:CAE655369 BQA655368:BQI655369 BGE655368:BGM655369 AWI655368:AWQ655369 AMM655368:AMU655369 ACQ655368:ACY655369 SU655368:TC655369 IY655368:JG655369 E720904:L720905 WVK589832:WVS589833 WLO589832:WLW589833 WBS589832:WCA589833 VRW589832:VSE589833 VIA589832:VII589833 UYE589832:UYM589833 UOI589832:UOQ589833 UEM589832:UEU589833 TUQ589832:TUY589833 TKU589832:TLC589833 TAY589832:TBG589833 SRC589832:SRK589833 SHG589832:SHO589833 RXK589832:RXS589833 RNO589832:RNW589833 RDS589832:REA589833 QTW589832:QUE589833 QKA589832:QKI589833 QAE589832:QAM589833 PQI589832:PQQ589833 PGM589832:PGU589833 OWQ589832:OWY589833 OMU589832:ONC589833 OCY589832:ODG589833 NTC589832:NTK589833 NJG589832:NJO589833 MZK589832:MZS589833 MPO589832:MPW589833 MFS589832:MGA589833 LVW589832:LWE589833 LMA589832:LMI589833 LCE589832:LCM589833 KSI589832:KSQ589833 KIM589832:KIU589833 JYQ589832:JYY589833 JOU589832:JPC589833 JEY589832:JFG589833 IVC589832:IVK589833 ILG589832:ILO589833 IBK589832:IBS589833 HRO589832:HRW589833 HHS589832:HIA589833 GXW589832:GYE589833 GOA589832:GOI589833 GEE589832:GEM589833 FUI589832:FUQ589833 FKM589832:FKU589833 FAQ589832:FAY589833 EQU589832:ERC589833 EGY589832:EHG589833 DXC589832:DXK589833 DNG589832:DNO589833 DDK589832:DDS589833 CTO589832:CTW589833 CJS589832:CKA589833 BZW589832:CAE589833 BQA589832:BQI589833 BGE589832:BGM589833 AWI589832:AWQ589833 AMM589832:AMU589833 ACQ589832:ACY589833 SU589832:TC589833 IY589832:JG589833 E655368:L655369 WVK524296:WVS524297 WLO524296:WLW524297 WBS524296:WCA524297 VRW524296:VSE524297 VIA524296:VII524297 UYE524296:UYM524297 UOI524296:UOQ524297 UEM524296:UEU524297 TUQ524296:TUY524297 TKU524296:TLC524297 TAY524296:TBG524297 SRC524296:SRK524297 SHG524296:SHO524297 RXK524296:RXS524297 RNO524296:RNW524297 RDS524296:REA524297 QTW524296:QUE524297 QKA524296:QKI524297 QAE524296:QAM524297 PQI524296:PQQ524297 PGM524296:PGU524297 OWQ524296:OWY524297 OMU524296:ONC524297 OCY524296:ODG524297 NTC524296:NTK524297 NJG524296:NJO524297 MZK524296:MZS524297 MPO524296:MPW524297 MFS524296:MGA524297 LVW524296:LWE524297 LMA524296:LMI524297 LCE524296:LCM524297 KSI524296:KSQ524297 KIM524296:KIU524297 JYQ524296:JYY524297 JOU524296:JPC524297 JEY524296:JFG524297 IVC524296:IVK524297 ILG524296:ILO524297 IBK524296:IBS524297 HRO524296:HRW524297 HHS524296:HIA524297 GXW524296:GYE524297 GOA524296:GOI524297 GEE524296:GEM524297 FUI524296:FUQ524297 FKM524296:FKU524297 FAQ524296:FAY524297 EQU524296:ERC524297 EGY524296:EHG524297 DXC524296:DXK524297 DNG524296:DNO524297 DDK524296:DDS524297 CTO524296:CTW524297 CJS524296:CKA524297 BZW524296:CAE524297 BQA524296:BQI524297 BGE524296:BGM524297 AWI524296:AWQ524297 AMM524296:AMU524297 ACQ524296:ACY524297 SU524296:TC524297 IY524296:JG524297 E589832:L589833 WVK458760:WVS458761 WLO458760:WLW458761 WBS458760:WCA458761 VRW458760:VSE458761 VIA458760:VII458761 UYE458760:UYM458761 UOI458760:UOQ458761 UEM458760:UEU458761 TUQ458760:TUY458761 TKU458760:TLC458761 TAY458760:TBG458761 SRC458760:SRK458761 SHG458760:SHO458761 RXK458760:RXS458761 RNO458760:RNW458761 RDS458760:REA458761 QTW458760:QUE458761 QKA458760:QKI458761 QAE458760:QAM458761 PQI458760:PQQ458761 PGM458760:PGU458761 OWQ458760:OWY458761 OMU458760:ONC458761 OCY458760:ODG458761 NTC458760:NTK458761 NJG458760:NJO458761 MZK458760:MZS458761 MPO458760:MPW458761 MFS458760:MGA458761 LVW458760:LWE458761 LMA458760:LMI458761 LCE458760:LCM458761 KSI458760:KSQ458761 KIM458760:KIU458761 JYQ458760:JYY458761 JOU458760:JPC458761 JEY458760:JFG458761 IVC458760:IVK458761 ILG458760:ILO458761 IBK458760:IBS458761 HRO458760:HRW458761 HHS458760:HIA458761 GXW458760:GYE458761 GOA458760:GOI458761 GEE458760:GEM458761 FUI458760:FUQ458761 FKM458760:FKU458761 FAQ458760:FAY458761 EQU458760:ERC458761 EGY458760:EHG458761 DXC458760:DXK458761 DNG458760:DNO458761 DDK458760:DDS458761 CTO458760:CTW458761 CJS458760:CKA458761 BZW458760:CAE458761 BQA458760:BQI458761 BGE458760:BGM458761 AWI458760:AWQ458761 AMM458760:AMU458761 ACQ458760:ACY458761 SU458760:TC458761 IY458760:JG458761 E524296:L524297 WVK393224:WVS393225 WLO393224:WLW393225 WBS393224:WCA393225 VRW393224:VSE393225 VIA393224:VII393225 UYE393224:UYM393225 UOI393224:UOQ393225 UEM393224:UEU393225 TUQ393224:TUY393225 TKU393224:TLC393225 TAY393224:TBG393225 SRC393224:SRK393225 SHG393224:SHO393225 RXK393224:RXS393225 RNO393224:RNW393225 RDS393224:REA393225 QTW393224:QUE393225 QKA393224:QKI393225 QAE393224:QAM393225 PQI393224:PQQ393225 PGM393224:PGU393225 OWQ393224:OWY393225 OMU393224:ONC393225 OCY393224:ODG393225 NTC393224:NTK393225 NJG393224:NJO393225 MZK393224:MZS393225 MPO393224:MPW393225 MFS393224:MGA393225 LVW393224:LWE393225 LMA393224:LMI393225 LCE393224:LCM393225 KSI393224:KSQ393225 KIM393224:KIU393225 JYQ393224:JYY393225 JOU393224:JPC393225 JEY393224:JFG393225 IVC393224:IVK393225 ILG393224:ILO393225 IBK393224:IBS393225 HRO393224:HRW393225 HHS393224:HIA393225 GXW393224:GYE393225 GOA393224:GOI393225 GEE393224:GEM393225 FUI393224:FUQ393225 FKM393224:FKU393225 FAQ393224:FAY393225 EQU393224:ERC393225 EGY393224:EHG393225 DXC393224:DXK393225 DNG393224:DNO393225 DDK393224:DDS393225 CTO393224:CTW393225 CJS393224:CKA393225 BZW393224:CAE393225 BQA393224:BQI393225 BGE393224:BGM393225 AWI393224:AWQ393225 AMM393224:AMU393225 ACQ393224:ACY393225 SU393224:TC393225 IY393224:JG393225 E458760:L458761 WVK327688:WVS327689 WLO327688:WLW327689 WBS327688:WCA327689 VRW327688:VSE327689 VIA327688:VII327689 UYE327688:UYM327689 UOI327688:UOQ327689 UEM327688:UEU327689 TUQ327688:TUY327689 TKU327688:TLC327689 TAY327688:TBG327689 SRC327688:SRK327689 SHG327688:SHO327689 RXK327688:RXS327689 RNO327688:RNW327689 RDS327688:REA327689 QTW327688:QUE327689 QKA327688:QKI327689 QAE327688:QAM327689 PQI327688:PQQ327689 PGM327688:PGU327689 OWQ327688:OWY327689 OMU327688:ONC327689 OCY327688:ODG327689 NTC327688:NTK327689 NJG327688:NJO327689 MZK327688:MZS327689 MPO327688:MPW327689 MFS327688:MGA327689 LVW327688:LWE327689 LMA327688:LMI327689 LCE327688:LCM327689 KSI327688:KSQ327689 KIM327688:KIU327689 JYQ327688:JYY327689 JOU327688:JPC327689 JEY327688:JFG327689 IVC327688:IVK327689 ILG327688:ILO327689 IBK327688:IBS327689 HRO327688:HRW327689 HHS327688:HIA327689 GXW327688:GYE327689 GOA327688:GOI327689 GEE327688:GEM327689 FUI327688:FUQ327689 FKM327688:FKU327689 FAQ327688:FAY327689 EQU327688:ERC327689 EGY327688:EHG327689 DXC327688:DXK327689 DNG327688:DNO327689 DDK327688:DDS327689 CTO327688:CTW327689 CJS327688:CKA327689 BZW327688:CAE327689 BQA327688:BQI327689 BGE327688:BGM327689 AWI327688:AWQ327689 AMM327688:AMU327689 ACQ327688:ACY327689 SU327688:TC327689 IY327688:JG327689 E393224:L393225 WVK262152:WVS262153 WLO262152:WLW262153 WBS262152:WCA262153 VRW262152:VSE262153 VIA262152:VII262153 UYE262152:UYM262153 UOI262152:UOQ262153 UEM262152:UEU262153 TUQ262152:TUY262153 TKU262152:TLC262153 TAY262152:TBG262153 SRC262152:SRK262153 SHG262152:SHO262153 RXK262152:RXS262153 RNO262152:RNW262153 RDS262152:REA262153 QTW262152:QUE262153 QKA262152:QKI262153 QAE262152:QAM262153 PQI262152:PQQ262153 PGM262152:PGU262153 OWQ262152:OWY262153 OMU262152:ONC262153 OCY262152:ODG262153 NTC262152:NTK262153 NJG262152:NJO262153 MZK262152:MZS262153 MPO262152:MPW262153 MFS262152:MGA262153 LVW262152:LWE262153 LMA262152:LMI262153 LCE262152:LCM262153 KSI262152:KSQ262153 KIM262152:KIU262153 JYQ262152:JYY262153 JOU262152:JPC262153 JEY262152:JFG262153 IVC262152:IVK262153 ILG262152:ILO262153 IBK262152:IBS262153 HRO262152:HRW262153 HHS262152:HIA262153 GXW262152:GYE262153 GOA262152:GOI262153 GEE262152:GEM262153 FUI262152:FUQ262153 FKM262152:FKU262153 FAQ262152:FAY262153 EQU262152:ERC262153 EGY262152:EHG262153 DXC262152:DXK262153 DNG262152:DNO262153 DDK262152:DDS262153 CTO262152:CTW262153 CJS262152:CKA262153 BZW262152:CAE262153 BQA262152:BQI262153 BGE262152:BGM262153 AWI262152:AWQ262153 AMM262152:AMU262153 ACQ262152:ACY262153 SU262152:TC262153 IY262152:JG262153 E327688:L327689 WVK196616:WVS196617 WLO196616:WLW196617 WBS196616:WCA196617 VRW196616:VSE196617 VIA196616:VII196617 UYE196616:UYM196617 UOI196616:UOQ196617 UEM196616:UEU196617 TUQ196616:TUY196617 TKU196616:TLC196617 TAY196616:TBG196617 SRC196616:SRK196617 SHG196616:SHO196617 RXK196616:RXS196617 RNO196616:RNW196617 RDS196616:REA196617 QTW196616:QUE196617 QKA196616:QKI196617 QAE196616:QAM196617 PQI196616:PQQ196617 PGM196616:PGU196617 OWQ196616:OWY196617 OMU196616:ONC196617 OCY196616:ODG196617 NTC196616:NTK196617 NJG196616:NJO196617 MZK196616:MZS196617 MPO196616:MPW196617 MFS196616:MGA196617 LVW196616:LWE196617 LMA196616:LMI196617 LCE196616:LCM196617 KSI196616:KSQ196617 KIM196616:KIU196617 JYQ196616:JYY196617 JOU196616:JPC196617 JEY196616:JFG196617 IVC196616:IVK196617 ILG196616:ILO196617 IBK196616:IBS196617 HRO196616:HRW196617 HHS196616:HIA196617 GXW196616:GYE196617 GOA196616:GOI196617 GEE196616:GEM196617 FUI196616:FUQ196617 FKM196616:FKU196617 FAQ196616:FAY196617 EQU196616:ERC196617 EGY196616:EHG196617 DXC196616:DXK196617 DNG196616:DNO196617 DDK196616:DDS196617 CTO196616:CTW196617 CJS196616:CKA196617 BZW196616:CAE196617 BQA196616:BQI196617 BGE196616:BGM196617 AWI196616:AWQ196617 AMM196616:AMU196617 ACQ196616:ACY196617 SU196616:TC196617 IY196616:JG196617 E262152:L262153 WVK131080:WVS131081 WLO131080:WLW131081 WBS131080:WCA131081 VRW131080:VSE131081 VIA131080:VII131081 UYE131080:UYM131081 UOI131080:UOQ131081 UEM131080:UEU131081 TUQ131080:TUY131081 TKU131080:TLC131081 TAY131080:TBG131081 SRC131080:SRK131081 SHG131080:SHO131081 RXK131080:RXS131081 RNO131080:RNW131081 RDS131080:REA131081 QTW131080:QUE131081 QKA131080:QKI131081 QAE131080:QAM131081 PQI131080:PQQ131081 PGM131080:PGU131081 OWQ131080:OWY131081 OMU131080:ONC131081 OCY131080:ODG131081 NTC131080:NTK131081 NJG131080:NJO131081 MZK131080:MZS131081 MPO131080:MPW131081 MFS131080:MGA131081 LVW131080:LWE131081 LMA131080:LMI131081 LCE131080:LCM131081 KSI131080:KSQ131081 KIM131080:KIU131081 JYQ131080:JYY131081 JOU131080:JPC131081 JEY131080:JFG131081 IVC131080:IVK131081 ILG131080:ILO131081 IBK131080:IBS131081 HRO131080:HRW131081 HHS131080:HIA131081 GXW131080:GYE131081 GOA131080:GOI131081 GEE131080:GEM131081 FUI131080:FUQ131081 FKM131080:FKU131081 FAQ131080:FAY131081 EQU131080:ERC131081 EGY131080:EHG131081 DXC131080:DXK131081 DNG131080:DNO131081 DDK131080:DDS131081 CTO131080:CTW131081 CJS131080:CKA131081 BZW131080:CAE131081 BQA131080:BQI131081 BGE131080:BGM131081 AWI131080:AWQ131081 AMM131080:AMU131081 ACQ131080:ACY131081 SU131080:TC131081 IY131080:JG131081 E196616:L196617 WVK65544:WVS65545 WLO65544:WLW65545 WBS65544:WCA65545 VRW65544:VSE65545 VIA65544:VII65545 UYE65544:UYM65545 UOI65544:UOQ65545 UEM65544:UEU65545 TUQ65544:TUY65545 TKU65544:TLC65545 TAY65544:TBG65545 SRC65544:SRK65545 SHG65544:SHO65545 RXK65544:RXS65545 RNO65544:RNW65545 RDS65544:REA65545 QTW65544:QUE65545 QKA65544:QKI65545 QAE65544:QAM65545 PQI65544:PQQ65545 PGM65544:PGU65545 OWQ65544:OWY65545 OMU65544:ONC65545 OCY65544:ODG65545 NTC65544:NTK65545 NJG65544:NJO65545 MZK65544:MZS65545 MPO65544:MPW65545 MFS65544:MGA65545 LVW65544:LWE65545 LMA65544:LMI65545 LCE65544:LCM65545 KSI65544:KSQ65545 KIM65544:KIU65545 JYQ65544:JYY65545 JOU65544:JPC65545 JEY65544:JFG65545 IVC65544:IVK65545 ILG65544:ILO65545 IBK65544:IBS65545 HRO65544:HRW65545 HHS65544:HIA65545 GXW65544:GYE65545 GOA65544:GOI65545 GEE65544:GEM65545 FUI65544:FUQ65545 FKM65544:FKU65545 FAQ65544:FAY65545 EQU65544:ERC65545 EGY65544:EHG65545 DXC65544:DXK65545 DNG65544:DNO65545 DDK65544:DDS65545 CTO65544:CTW65545 CJS65544:CKA65545 BZW65544:CAE65545 BQA65544:BQI65545 BGE65544:BGM65545 AWI65544:AWQ65545 AMM65544:AMU65545 ACQ65544:ACY65545 SU65544:TC65545 IY65544:JG65545 E131080:L131081 WVK8:WVS9 WLO8:WLW9 WBS8:WCA9 VRW8:VSE9 VIA8:VII9 UYE8:UYM9 UOI8:UOQ9 UEM8:UEU9 TUQ8:TUY9 TKU8:TLC9 TAY8:TBG9 SRC8:SRK9 SHG8:SHO9 RXK8:RXS9 RNO8:RNW9 RDS8:REA9 QTW8:QUE9 QKA8:QKI9 QAE8:QAM9 PQI8:PQQ9 PGM8:PGU9 OWQ8:OWY9 OMU8:ONC9 OCY8:ODG9 NTC8:NTK9 NJG8:NJO9 MZK8:MZS9 MPO8:MPW9 MFS8:MGA9 LVW8:LWE9 LMA8:LMI9 LCE8:LCM9 KSI8:KSQ9 KIM8:KIU9 JYQ8:JYY9 JOU8:JPC9 JEY8:JFG9 IVC8:IVK9 ILG8:ILO9 IBK8:IBS9 HRO8:HRW9 HHS8:HIA9 GXW8:GYE9 GOA8:GOI9 GEE8:GEM9 FUI8:FUQ9 FKM8:FKU9 FAQ8:FAY9 EQU8:ERC9 EGY8:EHG9 DXC8:DXK9 DNG8:DNO9 DDK8:DDS9 CTO8:CTW9 CJS8:CKA9 BZW8:CAE9 BQA8:BQI9 BGE8:BGM9 AWI8:AWQ9 AMM8:AMU9 ACQ8:ACY9 SU8:TC9 IY8:JG9 E65544:L65545 WVU983048:WVX983049 WLY983048:WMB983049 WCC983048:WCF983049 VSG983048:VSJ983049 VIK983048:VIN983049 UYO983048:UYR983049 UOS983048:UOV983049 UEW983048:UEZ983049 TVA983048:TVD983049 TLE983048:TLH983049 TBI983048:TBL983049 SRM983048:SRP983049 SHQ983048:SHT983049 RXU983048:RXX983049 RNY983048:ROB983049 REC983048:REF983049 QUG983048:QUJ983049 QKK983048:QKN983049 QAO983048:QAR983049 PQS983048:PQV983049 PGW983048:PGZ983049 OXA983048:OXD983049 ONE983048:ONH983049 ODI983048:ODL983049 NTM983048:NTP983049 NJQ983048:NJT983049 MZU983048:MZX983049 MPY983048:MQB983049 MGC983048:MGF983049 LWG983048:LWJ983049 LMK983048:LMN983049 LCO983048:LCR983049 KSS983048:KSV983049 KIW983048:KIZ983049 JZA983048:JZD983049 JPE983048:JPH983049 JFI983048:JFL983049 IVM983048:IVP983049 ILQ983048:ILT983049 IBU983048:IBX983049 HRY983048:HSB983049 HIC983048:HIF983049 GYG983048:GYJ983049 GOK983048:GON983049 GEO983048:GER983049 FUS983048:FUV983049 FKW983048:FKZ983049 FBA983048:FBD983049 ERE983048:ERH983049 EHI983048:EHL983049 DXM983048:DXP983049 DNQ983048:DNT983049 DDU983048:DDX983049 CTY983048:CUB983049 CKC983048:CKF983049 CAG983048:CAJ983049 BQK983048:BQN983049 BGO983048:BGR983049 AWS983048:AWV983049 AMW983048:AMZ983049 ADA983048:ADD983049 TE983048:TH983049 JI983048:JL983049 N983048:Q983049 WVU917512:WVX917513 WLY917512:WMB917513 WCC917512:WCF917513 VSG917512:VSJ917513 VIK917512:VIN917513 UYO917512:UYR917513 UOS917512:UOV917513 UEW917512:UEZ917513 TVA917512:TVD917513 TLE917512:TLH917513 TBI917512:TBL917513 SRM917512:SRP917513 SHQ917512:SHT917513 RXU917512:RXX917513 RNY917512:ROB917513 REC917512:REF917513 QUG917512:QUJ917513 QKK917512:QKN917513 QAO917512:QAR917513 PQS917512:PQV917513 PGW917512:PGZ917513 OXA917512:OXD917513 ONE917512:ONH917513 ODI917512:ODL917513 NTM917512:NTP917513 NJQ917512:NJT917513 MZU917512:MZX917513 MPY917512:MQB917513 MGC917512:MGF917513 LWG917512:LWJ917513 LMK917512:LMN917513 LCO917512:LCR917513 KSS917512:KSV917513 KIW917512:KIZ917513 JZA917512:JZD917513 JPE917512:JPH917513 JFI917512:JFL917513 IVM917512:IVP917513 ILQ917512:ILT917513 IBU917512:IBX917513 HRY917512:HSB917513 HIC917512:HIF917513 GYG917512:GYJ917513 GOK917512:GON917513 GEO917512:GER917513 FUS917512:FUV917513 FKW917512:FKZ917513 FBA917512:FBD917513 ERE917512:ERH917513 EHI917512:EHL917513 DXM917512:DXP917513 DNQ917512:DNT917513 DDU917512:DDX917513 CTY917512:CUB917513 CKC917512:CKF917513 CAG917512:CAJ917513 BQK917512:BQN917513 BGO917512:BGR917513 AWS917512:AWV917513 AMW917512:AMZ917513 ADA917512:ADD917513 TE917512:TH917513 JI917512:JL917513 N917512:Q917513 WVU851976:WVX851977 WLY851976:WMB851977 WCC851976:WCF851977 VSG851976:VSJ851977 VIK851976:VIN851977 UYO851976:UYR851977 UOS851976:UOV851977 UEW851976:UEZ851977 TVA851976:TVD851977 TLE851976:TLH851977 TBI851976:TBL851977 SRM851976:SRP851977 SHQ851976:SHT851977 RXU851976:RXX851977 RNY851976:ROB851977 REC851976:REF851977 QUG851976:QUJ851977 QKK851976:QKN851977 QAO851976:QAR851977 PQS851976:PQV851977 PGW851976:PGZ851977 OXA851976:OXD851977 ONE851976:ONH851977 ODI851976:ODL851977 NTM851976:NTP851977 NJQ851976:NJT851977 MZU851976:MZX851977 MPY851976:MQB851977 MGC851976:MGF851977 LWG851976:LWJ851977 LMK851976:LMN851977 LCO851976:LCR851977 KSS851976:KSV851977 KIW851976:KIZ851977 JZA851976:JZD851977 JPE851976:JPH851977 JFI851976:JFL851977 IVM851976:IVP851977 ILQ851976:ILT851977 IBU851976:IBX851977 HRY851976:HSB851977 HIC851976:HIF851977 GYG851976:GYJ851977 GOK851976:GON851977 GEO851976:GER851977 FUS851976:FUV851977 FKW851976:FKZ851977 FBA851976:FBD851977 ERE851976:ERH851977 EHI851976:EHL851977 DXM851976:DXP851977 DNQ851976:DNT851977 DDU851976:DDX851977 CTY851976:CUB851977 CKC851976:CKF851977 CAG851976:CAJ851977 BQK851976:BQN851977 BGO851976:BGR851977 AWS851976:AWV851977 AMW851976:AMZ851977 ADA851976:ADD851977 TE851976:TH851977 JI851976:JL851977 N851976:Q851977 WVU786440:WVX786441 WLY786440:WMB786441 WCC786440:WCF786441 VSG786440:VSJ786441 VIK786440:VIN786441 UYO786440:UYR786441 UOS786440:UOV786441 UEW786440:UEZ786441 TVA786440:TVD786441 TLE786440:TLH786441 TBI786440:TBL786441 SRM786440:SRP786441 SHQ786440:SHT786441 RXU786440:RXX786441 RNY786440:ROB786441 REC786440:REF786441 QUG786440:QUJ786441 QKK786440:QKN786441 QAO786440:QAR786441 PQS786440:PQV786441 PGW786440:PGZ786441 OXA786440:OXD786441 ONE786440:ONH786441 ODI786440:ODL786441 NTM786440:NTP786441 NJQ786440:NJT786441 MZU786440:MZX786441 MPY786440:MQB786441 MGC786440:MGF786441 LWG786440:LWJ786441 LMK786440:LMN786441 LCO786440:LCR786441 KSS786440:KSV786441 KIW786440:KIZ786441 JZA786440:JZD786441 JPE786440:JPH786441 JFI786440:JFL786441 IVM786440:IVP786441 ILQ786440:ILT786441 IBU786440:IBX786441 HRY786440:HSB786441 HIC786440:HIF786441 GYG786440:GYJ786441 GOK786440:GON786441 GEO786440:GER786441 FUS786440:FUV786441 FKW786440:FKZ786441 FBA786440:FBD786441 ERE786440:ERH786441 EHI786440:EHL786441 DXM786440:DXP786441 DNQ786440:DNT786441 DDU786440:DDX786441 CTY786440:CUB786441 CKC786440:CKF786441 CAG786440:CAJ786441 BQK786440:BQN786441 BGO786440:BGR786441 AWS786440:AWV786441 AMW786440:AMZ786441 ADA786440:ADD786441 TE786440:TH786441 JI786440:JL786441 N786440:Q786441 WVU720904:WVX720905 WLY720904:WMB720905 WCC720904:WCF720905 VSG720904:VSJ720905 VIK720904:VIN720905 UYO720904:UYR720905 UOS720904:UOV720905 UEW720904:UEZ720905 TVA720904:TVD720905 TLE720904:TLH720905 TBI720904:TBL720905 SRM720904:SRP720905 SHQ720904:SHT720905 RXU720904:RXX720905 RNY720904:ROB720905 REC720904:REF720905 QUG720904:QUJ720905 QKK720904:QKN720905 QAO720904:QAR720905 PQS720904:PQV720905 PGW720904:PGZ720905 OXA720904:OXD720905 ONE720904:ONH720905 ODI720904:ODL720905 NTM720904:NTP720905 NJQ720904:NJT720905 MZU720904:MZX720905 MPY720904:MQB720905 MGC720904:MGF720905 LWG720904:LWJ720905 LMK720904:LMN720905 LCO720904:LCR720905 KSS720904:KSV720905 KIW720904:KIZ720905 JZA720904:JZD720905 JPE720904:JPH720905 JFI720904:JFL720905 IVM720904:IVP720905 ILQ720904:ILT720905 IBU720904:IBX720905 HRY720904:HSB720905 HIC720904:HIF720905 GYG720904:GYJ720905 GOK720904:GON720905 GEO720904:GER720905 FUS720904:FUV720905 FKW720904:FKZ720905 FBA720904:FBD720905 ERE720904:ERH720905 EHI720904:EHL720905 DXM720904:DXP720905 DNQ720904:DNT720905 DDU720904:DDX720905 CTY720904:CUB720905 CKC720904:CKF720905 CAG720904:CAJ720905 BQK720904:BQN720905 BGO720904:BGR720905 AWS720904:AWV720905 AMW720904:AMZ720905 ADA720904:ADD720905 TE720904:TH720905 JI720904:JL720905 N720904:Q720905 WVU655368:WVX655369 WLY655368:WMB655369 WCC655368:WCF655369 VSG655368:VSJ655369 VIK655368:VIN655369 UYO655368:UYR655369 UOS655368:UOV655369 UEW655368:UEZ655369 TVA655368:TVD655369 TLE655368:TLH655369 TBI655368:TBL655369 SRM655368:SRP655369 SHQ655368:SHT655369 RXU655368:RXX655369 RNY655368:ROB655369 REC655368:REF655369 QUG655368:QUJ655369 QKK655368:QKN655369 QAO655368:QAR655369 PQS655368:PQV655369 PGW655368:PGZ655369 OXA655368:OXD655369 ONE655368:ONH655369 ODI655368:ODL655369 NTM655368:NTP655369 NJQ655368:NJT655369 MZU655368:MZX655369 MPY655368:MQB655369 MGC655368:MGF655369 LWG655368:LWJ655369 LMK655368:LMN655369 LCO655368:LCR655369 KSS655368:KSV655369 KIW655368:KIZ655369 JZA655368:JZD655369 JPE655368:JPH655369 JFI655368:JFL655369 IVM655368:IVP655369 ILQ655368:ILT655369 IBU655368:IBX655369 HRY655368:HSB655369 HIC655368:HIF655369 GYG655368:GYJ655369 GOK655368:GON655369 GEO655368:GER655369 FUS655368:FUV655369 FKW655368:FKZ655369 FBA655368:FBD655369 ERE655368:ERH655369 EHI655368:EHL655369 DXM655368:DXP655369 DNQ655368:DNT655369 DDU655368:DDX655369 CTY655368:CUB655369 CKC655368:CKF655369 CAG655368:CAJ655369 BQK655368:BQN655369 BGO655368:BGR655369 AWS655368:AWV655369 AMW655368:AMZ655369 ADA655368:ADD655369 TE655368:TH655369 JI655368:JL655369 N655368:Q655369 WVU589832:WVX589833 WLY589832:WMB589833 WCC589832:WCF589833 VSG589832:VSJ589833 VIK589832:VIN589833 UYO589832:UYR589833 UOS589832:UOV589833 UEW589832:UEZ589833 TVA589832:TVD589833 TLE589832:TLH589833 TBI589832:TBL589833 SRM589832:SRP589833 SHQ589832:SHT589833 RXU589832:RXX589833 RNY589832:ROB589833 REC589832:REF589833 QUG589832:QUJ589833 QKK589832:QKN589833 QAO589832:QAR589833 PQS589832:PQV589833 PGW589832:PGZ589833 OXA589832:OXD589833 ONE589832:ONH589833 ODI589832:ODL589833 NTM589832:NTP589833 NJQ589832:NJT589833 MZU589832:MZX589833 MPY589832:MQB589833 MGC589832:MGF589833 LWG589832:LWJ589833 LMK589832:LMN589833 LCO589832:LCR589833 KSS589832:KSV589833 KIW589832:KIZ589833 JZA589832:JZD589833 JPE589832:JPH589833 JFI589832:JFL589833 IVM589832:IVP589833 ILQ589832:ILT589833 IBU589832:IBX589833 HRY589832:HSB589833 HIC589832:HIF589833 GYG589832:GYJ589833 GOK589832:GON589833 GEO589832:GER589833 FUS589832:FUV589833 FKW589832:FKZ589833 FBA589832:FBD589833 ERE589832:ERH589833 EHI589832:EHL589833 DXM589832:DXP589833 DNQ589832:DNT589833 DDU589832:DDX589833 CTY589832:CUB589833 CKC589832:CKF589833 CAG589832:CAJ589833 BQK589832:BQN589833 BGO589832:BGR589833 AWS589832:AWV589833 AMW589832:AMZ589833 ADA589832:ADD589833 TE589832:TH589833 JI589832:JL589833 N589832:Q589833 WVU524296:WVX524297 WLY524296:WMB524297 WCC524296:WCF524297 VSG524296:VSJ524297 VIK524296:VIN524297 UYO524296:UYR524297 UOS524296:UOV524297 UEW524296:UEZ524297 TVA524296:TVD524297 TLE524296:TLH524297 TBI524296:TBL524297 SRM524296:SRP524297 SHQ524296:SHT524297 RXU524296:RXX524297 RNY524296:ROB524297 REC524296:REF524297 QUG524296:QUJ524297 QKK524296:QKN524297 QAO524296:QAR524297 PQS524296:PQV524297 PGW524296:PGZ524297 OXA524296:OXD524297 ONE524296:ONH524297 ODI524296:ODL524297 NTM524296:NTP524297 NJQ524296:NJT524297 MZU524296:MZX524297 MPY524296:MQB524297 MGC524296:MGF524297 LWG524296:LWJ524297 LMK524296:LMN524297 LCO524296:LCR524297 KSS524296:KSV524297 KIW524296:KIZ524297 JZA524296:JZD524297 JPE524296:JPH524297 JFI524296:JFL524297 IVM524296:IVP524297 ILQ524296:ILT524297 IBU524296:IBX524297 HRY524296:HSB524297 HIC524296:HIF524297 GYG524296:GYJ524297 GOK524296:GON524297 GEO524296:GER524297 FUS524296:FUV524297 FKW524296:FKZ524297 FBA524296:FBD524297 ERE524296:ERH524297 EHI524296:EHL524297 DXM524296:DXP524297 DNQ524296:DNT524297 DDU524296:DDX524297 CTY524296:CUB524297 CKC524296:CKF524297 CAG524296:CAJ524297 BQK524296:BQN524297 BGO524296:BGR524297 AWS524296:AWV524297 AMW524296:AMZ524297 ADA524296:ADD524297 TE524296:TH524297 JI524296:JL524297 N524296:Q524297 WVU458760:WVX458761 WLY458760:WMB458761 WCC458760:WCF458761 VSG458760:VSJ458761 VIK458760:VIN458761 UYO458760:UYR458761 UOS458760:UOV458761 UEW458760:UEZ458761 TVA458760:TVD458761 TLE458760:TLH458761 TBI458760:TBL458761 SRM458760:SRP458761 SHQ458760:SHT458761 RXU458760:RXX458761 RNY458760:ROB458761 REC458760:REF458761 QUG458760:QUJ458761 QKK458760:QKN458761 QAO458760:QAR458761 PQS458760:PQV458761 PGW458760:PGZ458761 OXA458760:OXD458761 ONE458760:ONH458761 ODI458760:ODL458761 NTM458760:NTP458761 NJQ458760:NJT458761 MZU458760:MZX458761 MPY458760:MQB458761 MGC458760:MGF458761 LWG458760:LWJ458761 LMK458760:LMN458761 LCO458760:LCR458761 KSS458760:KSV458761 KIW458760:KIZ458761 JZA458760:JZD458761 JPE458760:JPH458761 JFI458760:JFL458761 IVM458760:IVP458761 ILQ458760:ILT458761 IBU458760:IBX458761 HRY458760:HSB458761 HIC458760:HIF458761 GYG458760:GYJ458761 GOK458760:GON458761 GEO458760:GER458761 FUS458760:FUV458761 FKW458760:FKZ458761 FBA458760:FBD458761 ERE458760:ERH458761 EHI458760:EHL458761 DXM458760:DXP458761 DNQ458760:DNT458761 DDU458760:DDX458761 CTY458760:CUB458761 CKC458760:CKF458761 CAG458760:CAJ458761 BQK458760:BQN458761 BGO458760:BGR458761 AWS458760:AWV458761 AMW458760:AMZ458761 ADA458760:ADD458761 TE458760:TH458761 JI458760:JL458761 N458760:Q458761 WVU393224:WVX393225 WLY393224:WMB393225 WCC393224:WCF393225 VSG393224:VSJ393225 VIK393224:VIN393225 UYO393224:UYR393225 UOS393224:UOV393225 UEW393224:UEZ393225 TVA393224:TVD393225 TLE393224:TLH393225 TBI393224:TBL393225 SRM393224:SRP393225 SHQ393224:SHT393225 RXU393224:RXX393225 RNY393224:ROB393225 REC393224:REF393225 QUG393224:QUJ393225 QKK393224:QKN393225 QAO393224:QAR393225 PQS393224:PQV393225 PGW393224:PGZ393225 OXA393224:OXD393225 ONE393224:ONH393225 ODI393224:ODL393225 NTM393224:NTP393225 NJQ393224:NJT393225 MZU393224:MZX393225 MPY393224:MQB393225 MGC393224:MGF393225 LWG393224:LWJ393225 LMK393224:LMN393225 LCO393224:LCR393225 KSS393224:KSV393225 KIW393224:KIZ393225 JZA393224:JZD393225 JPE393224:JPH393225 JFI393224:JFL393225 IVM393224:IVP393225 ILQ393224:ILT393225 IBU393224:IBX393225 HRY393224:HSB393225 HIC393224:HIF393225 GYG393224:GYJ393225 GOK393224:GON393225 GEO393224:GER393225 FUS393224:FUV393225 FKW393224:FKZ393225 FBA393224:FBD393225 ERE393224:ERH393225 EHI393224:EHL393225 DXM393224:DXP393225 DNQ393224:DNT393225 DDU393224:DDX393225 CTY393224:CUB393225 CKC393224:CKF393225 CAG393224:CAJ393225 BQK393224:BQN393225 BGO393224:BGR393225 AWS393224:AWV393225 AMW393224:AMZ393225 ADA393224:ADD393225 TE393224:TH393225 JI393224:JL393225 N393224:Q393225 WVU327688:WVX327689 WLY327688:WMB327689 WCC327688:WCF327689 VSG327688:VSJ327689 VIK327688:VIN327689 UYO327688:UYR327689 UOS327688:UOV327689 UEW327688:UEZ327689 TVA327688:TVD327689 TLE327688:TLH327689 TBI327688:TBL327689 SRM327688:SRP327689 SHQ327688:SHT327689 RXU327688:RXX327689 RNY327688:ROB327689 REC327688:REF327689 QUG327688:QUJ327689 QKK327688:QKN327689 QAO327688:QAR327689 PQS327688:PQV327689 PGW327688:PGZ327689 OXA327688:OXD327689 ONE327688:ONH327689 ODI327688:ODL327689 NTM327688:NTP327689 NJQ327688:NJT327689 MZU327688:MZX327689 MPY327688:MQB327689 MGC327688:MGF327689 LWG327688:LWJ327689 LMK327688:LMN327689 LCO327688:LCR327689 KSS327688:KSV327689 KIW327688:KIZ327689 JZA327688:JZD327689 JPE327688:JPH327689 JFI327688:JFL327689 IVM327688:IVP327689 ILQ327688:ILT327689 IBU327688:IBX327689 HRY327688:HSB327689 HIC327688:HIF327689 GYG327688:GYJ327689 GOK327688:GON327689 GEO327688:GER327689 FUS327688:FUV327689 FKW327688:FKZ327689 FBA327688:FBD327689 ERE327688:ERH327689 EHI327688:EHL327689 DXM327688:DXP327689 DNQ327688:DNT327689 DDU327688:DDX327689 CTY327688:CUB327689 CKC327688:CKF327689 CAG327688:CAJ327689 BQK327688:BQN327689 BGO327688:BGR327689 AWS327688:AWV327689 AMW327688:AMZ327689 ADA327688:ADD327689 TE327688:TH327689 JI327688:JL327689 N327688:Q327689 WVU262152:WVX262153 WLY262152:WMB262153 WCC262152:WCF262153 VSG262152:VSJ262153 VIK262152:VIN262153 UYO262152:UYR262153 UOS262152:UOV262153 UEW262152:UEZ262153 TVA262152:TVD262153 TLE262152:TLH262153 TBI262152:TBL262153 SRM262152:SRP262153 SHQ262152:SHT262153 RXU262152:RXX262153 RNY262152:ROB262153 REC262152:REF262153 QUG262152:QUJ262153 QKK262152:QKN262153 QAO262152:QAR262153 PQS262152:PQV262153 PGW262152:PGZ262153 OXA262152:OXD262153 ONE262152:ONH262153 ODI262152:ODL262153 NTM262152:NTP262153 NJQ262152:NJT262153 MZU262152:MZX262153 MPY262152:MQB262153 MGC262152:MGF262153 LWG262152:LWJ262153 LMK262152:LMN262153 LCO262152:LCR262153 KSS262152:KSV262153 KIW262152:KIZ262153 JZA262152:JZD262153 JPE262152:JPH262153 JFI262152:JFL262153 IVM262152:IVP262153 ILQ262152:ILT262153 IBU262152:IBX262153 HRY262152:HSB262153 HIC262152:HIF262153 GYG262152:GYJ262153 GOK262152:GON262153 GEO262152:GER262153 FUS262152:FUV262153 FKW262152:FKZ262153 FBA262152:FBD262153 ERE262152:ERH262153 EHI262152:EHL262153 DXM262152:DXP262153 DNQ262152:DNT262153 DDU262152:DDX262153 CTY262152:CUB262153 CKC262152:CKF262153 CAG262152:CAJ262153 BQK262152:BQN262153 BGO262152:BGR262153 AWS262152:AWV262153 AMW262152:AMZ262153 ADA262152:ADD262153 TE262152:TH262153 JI262152:JL262153 N262152:Q262153 WVU196616:WVX196617 WLY196616:WMB196617 WCC196616:WCF196617 VSG196616:VSJ196617 VIK196616:VIN196617 UYO196616:UYR196617 UOS196616:UOV196617 UEW196616:UEZ196617 TVA196616:TVD196617 TLE196616:TLH196617 TBI196616:TBL196617 SRM196616:SRP196617 SHQ196616:SHT196617 RXU196616:RXX196617 RNY196616:ROB196617 REC196616:REF196617 QUG196616:QUJ196617 QKK196616:QKN196617 QAO196616:QAR196617 PQS196616:PQV196617 PGW196616:PGZ196617 OXA196616:OXD196617 ONE196616:ONH196617 ODI196616:ODL196617 NTM196616:NTP196617 NJQ196616:NJT196617 MZU196616:MZX196617 MPY196616:MQB196617 MGC196616:MGF196617 LWG196616:LWJ196617 LMK196616:LMN196617 LCO196616:LCR196617 KSS196616:KSV196617 KIW196616:KIZ196617 JZA196616:JZD196617 JPE196616:JPH196617 JFI196616:JFL196617 IVM196616:IVP196617 ILQ196616:ILT196617 IBU196616:IBX196617 HRY196616:HSB196617 HIC196616:HIF196617 GYG196616:GYJ196617 GOK196616:GON196617 GEO196616:GER196617 FUS196616:FUV196617 FKW196616:FKZ196617 FBA196616:FBD196617 ERE196616:ERH196617 EHI196616:EHL196617 DXM196616:DXP196617 DNQ196616:DNT196617 DDU196616:DDX196617 CTY196616:CUB196617 CKC196616:CKF196617 CAG196616:CAJ196617 BQK196616:BQN196617 BGO196616:BGR196617 AWS196616:AWV196617 AMW196616:AMZ196617 ADA196616:ADD196617 TE196616:TH196617 JI196616:JL196617 N196616:Q196617 WVU131080:WVX131081 WLY131080:WMB131081 WCC131080:WCF131081 VSG131080:VSJ131081 VIK131080:VIN131081 UYO131080:UYR131081 UOS131080:UOV131081 UEW131080:UEZ131081 TVA131080:TVD131081 TLE131080:TLH131081 TBI131080:TBL131081 SRM131080:SRP131081 SHQ131080:SHT131081 RXU131080:RXX131081 RNY131080:ROB131081 REC131080:REF131081 QUG131080:QUJ131081 QKK131080:QKN131081 QAO131080:QAR131081 PQS131080:PQV131081 PGW131080:PGZ131081 OXA131080:OXD131081 ONE131080:ONH131081 ODI131080:ODL131081 NTM131080:NTP131081 NJQ131080:NJT131081 MZU131080:MZX131081 MPY131080:MQB131081 MGC131080:MGF131081 LWG131080:LWJ131081 LMK131080:LMN131081 LCO131080:LCR131081 KSS131080:KSV131081 KIW131080:KIZ131081 JZA131080:JZD131081 JPE131080:JPH131081 JFI131080:JFL131081 IVM131080:IVP131081 ILQ131080:ILT131081 IBU131080:IBX131081 HRY131080:HSB131081 HIC131080:HIF131081 GYG131080:GYJ131081 GOK131080:GON131081 GEO131080:GER131081 FUS131080:FUV131081 FKW131080:FKZ131081 FBA131080:FBD131081 ERE131080:ERH131081 EHI131080:EHL131081 DXM131080:DXP131081 DNQ131080:DNT131081 DDU131080:DDX131081 CTY131080:CUB131081 CKC131080:CKF131081 CAG131080:CAJ131081 BQK131080:BQN131081 BGO131080:BGR131081 AWS131080:AWV131081 AMW131080:AMZ131081 ADA131080:ADD131081 TE131080:TH131081 JI131080:JL131081 N131080:Q131081 WVU65544:WVX65545 WLY65544:WMB65545 WCC65544:WCF65545 VSG65544:VSJ65545 VIK65544:VIN65545 UYO65544:UYR65545 UOS65544:UOV65545 UEW65544:UEZ65545 TVA65544:TVD65545 TLE65544:TLH65545 TBI65544:TBL65545 SRM65544:SRP65545 SHQ65544:SHT65545 RXU65544:RXX65545 RNY65544:ROB65545 REC65544:REF65545 QUG65544:QUJ65545 QKK65544:QKN65545 QAO65544:QAR65545 PQS65544:PQV65545 PGW65544:PGZ65545 OXA65544:OXD65545 ONE65544:ONH65545 ODI65544:ODL65545 NTM65544:NTP65545 NJQ65544:NJT65545 MZU65544:MZX65545 MPY65544:MQB65545 MGC65544:MGF65545 LWG65544:LWJ65545 LMK65544:LMN65545 LCO65544:LCR65545 KSS65544:KSV65545 KIW65544:KIZ65545 JZA65544:JZD65545 JPE65544:JPH65545 JFI65544:JFL65545 IVM65544:IVP65545 ILQ65544:ILT65545 IBU65544:IBX65545 HRY65544:HSB65545 HIC65544:HIF65545 GYG65544:GYJ65545 GOK65544:GON65545 GEO65544:GER65545 FUS65544:FUV65545 FKW65544:FKZ65545 FBA65544:FBD65545 ERE65544:ERH65545 EHI65544:EHL65545 DXM65544:DXP65545 DNQ65544:DNT65545 DDU65544:DDX65545 CTY65544:CUB65545 CKC65544:CKF65545 CAG65544:CAJ65545 BQK65544:BQN65545 BGO65544:BGR65545 AWS65544:AWV65545 AMW65544:AMZ65545 ADA65544:ADD65545 TE65544:TH65545 JI65544:JL65545 N65544:Q65545 WVU8:WVX9 WLY8:WMB9 WCC8:WCF9 VSG8:VSJ9 VIK8:VIN9 UYO8:UYR9 UOS8:UOV9 UEW8:UEZ9 TVA8:TVD9 TLE8:TLH9 TBI8:TBL9 SRM8:SRP9 SHQ8:SHT9 RXU8:RXX9 RNY8:ROB9 REC8:REF9 QUG8:QUJ9 QKK8:QKN9 QAO8:QAR9 PQS8:PQV9 PGW8:PGZ9 OXA8:OXD9 ONE8:ONH9 ODI8:ODL9 NTM8:NTP9 NJQ8:NJT9 MZU8:MZX9 MPY8:MQB9 MGC8:MGF9 LWG8:LWJ9 LMK8:LMN9 LCO8:LCR9 KSS8:KSV9 KIW8:KIZ9 JZA8:JZD9 JPE8:JPH9 JFI8:JFL9 IVM8:IVP9 ILQ8:ILT9 IBU8:IBX9 HRY8:HSB9 HIC8:HIF9 GYG8:GYJ9 GOK8:GON9 GEO8:GER9 FUS8:FUV9 FKW8:FKZ9 FBA8:FBD9 ERE8:ERH9 EHI8:EHL9 DXM8:DXP9 DNQ8:DNT9 DDU8:DDX9 CTY8:CUB9 CKC8:CKF9 CAG8:CAJ9 BQK8:BQN9 BGO8:BGR9 AWS8:AWV9 AMW8:AMZ9 ADA8:ADD9 TE8:TH9 JI8:JL9 E14:L15</xm:sqref>
        </x14:dataValidation>
      </x14:dataValidation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5-10</vt:lpstr>
      <vt:lpstr>'5-10'!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4-02-14T02:34:26Z</dcterms:created>
  <dcterms:modified xsi:type="dcterms:W3CDTF">2024-02-14T02:36:59Z</dcterms:modified>
</cp:coreProperties>
</file>